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iPK0100\02_共用(B)$\i1121\Desktop\HP用\"/>
    </mc:Choice>
  </mc:AlternateContent>
  <bookViews>
    <workbookView xWindow="0" yWindow="0" windowWidth="23745" windowHeight="10755" tabRatio="751"/>
  </bookViews>
  <sheets>
    <sheet name="★別紙1" sheetId="296" r:id="rId1"/>
    <sheet name="別紙3－2" sheetId="96" r:id="rId2"/>
    <sheet name="別紙10" sheetId="305" r:id="rId3"/>
    <sheet name="別紙10ー２" sheetId="306" r:id="rId4"/>
    <sheet name="別紙10－３" sheetId="307" r:id="rId5"/>
    <sheet name="別紙10－４" sheetId="308" r:id="rId6"/>
    <sheet name="参考様式10" sheetId="310" r:id="rId7"/>
    <sheet name="別紙10－５" sheetId="309" r:id="rId8"/>
    <sheet name="別紙●24" sheetId="66" state="hidden" r:id="rId9"/>
  </sheets>
  <definedNames>
    <definedName name="ｋ">#REF!</definedName>
    <definedName name="_xlnm.Print_Area" localSheetId="0">★別紙1!$A$1:$AF$24</definedName>
    <definedName name="_xlnm.Print_Area" localSheetId="6">参考様式10!$A$1:$O$105</definedName>
    <definedName name="_xlnm.Print_Area" localSheetId="8">別紙●24!$A$1:$AM$77</definedName>
    <definedName name="_xlnm.Print_Area" localSheetId="2">別紙10!$A$1:$AC$63</definedName>
    <definedName name="_xlnm.Print_Area" localSheetId="3">別紙10ー２!$A$1:$AC$32</definedName>
    <definedName name="_xlnm.Print_Area" localSheetId="4">'別紙10－３'!$A$1:$Z$63</definedName>
    <definedName name="_xlnm.Print_Area" localSheetId="5">'別紙10－４'!$A$1:$Z$43</definedName>
    <definedName name="_xlnm.Print_Area" localSheetId="7">'別紙10－５'!$A$1:$X$58</definedName>
    <definedName name="_xlnm.Print_Area" localSheetId="1">'別紙3－2'!$A$1:$AO$85</definedName>
    <definedName name="_xlnm.Print_Titles" localSheetId="0">★別紙1!$1:$5</definedName>
    <definedName name="Z_918D9391_3166_42FD_8CCC_73DDA136E9AD_.wvu.PrintArea" localSheetId="0" hidden="1">★別紙1!$A$1:$AF$19</definedName>
    <definedName name="サービス種別">#REF!</definedName>
    <definedName name="サービス種類">#REF!</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REF!</definedName>
  </definedNames>
  <calcPr calcId="152511"/>
</workbook>
</file>

<file path=xl/sharedStrings.xml><?xml version="1.0" encoding="utf-8"?>
<sst xmlns="http://schemas.openxmlformats.org/spreadsheetml/2006/main" count="1050" uniqueCount="442">
  <si>
    <t>（指定を受けている場合）</t>
    <rPh sb="1" eb="3">
      <t>シテイ</t>
    </rPh>
    <rPh sb="4" eb="5">
      <t>ウ</t>
    </rPh>
    <rPh sb="9" eb="11">
      <t>バアイ</t>
    </rPh>
    <phoneticPr fontId="2"/>
  </si>
  <si>
    <t>施設等の区分</t>
  </si>
  <si>
    <t>訪問介護</t>
  </si>
  <si>
    <t>訪問入浴介護</t>
  </si>
  <si>
    <t>通所介護</t>
  </si>
  <si>
    <t>福祉用具貸与</t>
  </si>
  <si>
    <t>短期入所生活介護</t>
  </si>
  <si>
    <t>フリガナ</t>
  </si>
  <si>
    <t>主たる事務所の所在地</t>
  </si>
  <si>
    <t>電話番号</t>
  </si>
  <si>
    <t>FAX番号</t>
  </si>
  <si>
    <t>法人所轄庁</t>
  </si>
  <si>
    <t>代表者の職・氏名</t>
  </si>
  <si>
    <t>職名</t>
  </si>
  <si>
    <t>氏名</t>
  </si>
  <si>
    <t>代表者の住所</t>
  </si>
  <si>
    <t>主たる事業所の所在地以外の場所で一部実施する場合の出張所等の所在地</t>
  </si>
  <si>
    <t>管理者の氏名</t>
  </si>
  <si>
    <t>管理者の住所</t>
  </si>
  <si>
    <t>実施事業</t>
  </si>
  <si>
    <t>異動等の区分</t>
  </si>
  <si>
    <t>介護保険事業所番号</t>
  </si>
  <si>
    <t>特記事項</t>
  </si>
  <si>
    <t>関係書類</t>
  </si>
  <si>
    <t>別添のとおり</t>
  </si>
  <si>
    <t>　　　3　「法人所轄庁」欄、申請者が認可法人である場合に、その主務官庁の名称を記載してください。</t>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2"/>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2"/>
  </si>
  <si>
    <t>地域密着型サービス事業所番号等</t>
    <rPh sb="0" eb="2">
      <t>チイキ</t>
    </rPh>
    <rPh sb="2" eb="5">
      <t>ミッチャクガタ</t>
    </rPh>
    <rPh sb="9" eb="12">
      <t>ジギョウショ</t>
    </rPh>
    <rPh sb="12" eb="14">
      <t>バンゴウ</t>
    </rPh>
    <rPh sb="14" eb="15">
      <t>トウ</t>
    </rPh>
    <phoneticPr fontId="2"/>
  </si>
  <si>
    <t>　　　4　「実施事業」欄は、該当する欄に「〇」を記入してください。</t>
  </si>
  <si>
    <t>　　　6　「異動項目」欄には、(別紙1)「介護給付費算定に係る体制等状況一覧表」に掲げる項目を記載してください。</t>
  </si>
  <si>
    <t>平成</t>
    <rPh sb="0" eb="2">
      <t>ヘイセイ</t>
    </rPh>
    <phoneticPr fontId="2"/>
  </si>
  <si>
    <t>日</t>
    <rPh sb="0" eb="1">
      <t>ヒ</t>
    </rPh>
    <phoneticPr fontId="2"/>
  </si>
  <si>
    <t>月</t>
    <rPh sb="0" eb="1">
      <t>ツキ</t>
    </rPh>
    <phoneticPr fontId="2"/>
  </si>
  <si>
    <t>年月日</t>
    <rPh sb="0" eb="3">
      <t>ネンガッピ</t>
    </rPh>
    <phoneticPr fontId="2"/>
  </si>
  <si>
    <t>(※変更の場合)</t>
    <rPh sb="2" eb="4">
      <t>ヘンコウ</t>
    </rPh>
    <rPh sb="5" eb="7">
      <t>バアイ</t>
    </rPh>
    <phoneticPr fontId="2"/>
  </si>
  <si>
    <t>変　更　後</t>
    <rPh sb="4" eb="5">
      <t>ゴ</t>
    </rPh>
    <phoneticPr fontId="2"/>
  </si>
  <si>
    <t>年</t>
    <rPh sb="0" eb="1">
      <t>ネン</t>
    </rPh>
    <phoneticPr fontId="2"/>
  </si>
  <si>
    <t>　　　2　「法人である場合その種別」欄は、申請者が法人である場合に、「社会福祉法人」「医療法人」「社団法人」「財団法人」「株式会社」「有限会社」等の別を記入してください。</t>
  </si>
  <si>
    <t>　　　5　「異動等の区分」欄には、今回届出を行う事業所について該当する数字に「〇」を記入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医療機関コード等</t>
    <rPh sb="0" eb="2">
      <t>イリョウ</t>
    </rPh>
    <rPh sb="2" eb="4">
      <t>キカン</t>
    </rPh>
    <rPh sb="7" eb="8">
      <t>トウ</t>
    </rPh>
    <phoneticPr fontId="2"/>
  </si>
  <si>
    <t>介護給付費算定に係る体制等に関する進達書＜基準該当事業者用＞</t>
    <rPh sb="17" eb="19">
      <t>シンタツ</t>
    </rPh>
    <rPh sb="21" eb="23">
      <t>キジュン</t>
    </rPh>
    <rPh sb="23" eb="25">
      <t>ガイトウ</t>
    </rPh>
    <rPh sb="25" eb="28">
      <t>ジギョウシャ</t>
    </rPh>
    <phoneticPr fontId="2"/>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2"/>
  </si>
  <si>
    <t>届出を行う事業所の状況</t>
    <rPh sb="9" eb="11">
      <t>ジョウキョウ</t>
    </rPh>
    <phoneticPr fontId="2"/>
  </si>
  <si>
    <t>居宅介護支援</t>
    <rPh sb="0" eb="2">
      <t>キョタク</t>
    </rPh>
    <rPh sb="2" eb="4">
      <t>カイゴ</t>
    </rPh>
    <rPh sb="4" eb="6">
      <t>シエン</t>
    </rPh>
    <phoneticPr fontId="2"/>
  </si>
  <si>
    <t>登録年</t>
    <rPh sb="0" eb="2">
      <t>トウロク</t>
    </rPh>
    <rPh sb="2" eb="3">
      <t>ネン</t>
    </rPh>
    <phoneticPr fontId="2"/>
  </si>
  <si>
    <t>月日</t>
    <rPh sb="0" eb="2">
      <t>ガッピ</t>
    </rPh>
    <phoneticPr fontId="2"/>
  </si>
  <si>
    <t>基準該当事業所番号</t>
    <rPh sb="0" eb="2">
      <t>キジュン</t>
    </rPh>
    <rPh sb="2" eb="4">
      <t>ガイトウ</t>
    </rPh>
    <rPh sb="4" eb="7">
      <t>ジギョウショ</t>
    </rPh>
    <rPh sb="7" eb="9">
      <t>バンゴウ</t>
    </rPh>
    <phoneticPr fontId="2"/>
  </si>
  <si>
    <t>登録を受けている市町村</t>
    <rPh sb="0" eb="2">
      <t>トウロク</t>
    </rPh>
    <rPh sb="3" eb="4">
      <t>ウ</t>
    </rPh>
    <rPh sb="8" eb="11">
      <t>シチョウソン</t>
    </rPh>
    <phoneticPr fontId="2"/>
  </si>
  <si>
    <t>既に指定等を受けている事業</t>
    <rPh sb="0" eb="1">
      <t>スデ</t>
    </rPh>
    <rPh sb="2" eb="4">
      <t>シテイ</t>
    </rPh>
    <rPh sb="4" eb="5">
      <t>トウ</t>
    </rPh>
    <rPh sb="6" eb="7">
      <t>ウ</t>
    </rPh>
    <rPh sb="11" eb="13">
      <t>ジギョウ</t>
    </rPh>
    <phoneticPr fontId="2"/>
  </si>
  <si>
    <t>市町村が定める率</t>
    <rPh sb="0" eb="3">
      <t>シチョウソン</t>
    </rPh>
    <rPh sb="4" eb="5">
      <t>サダ</t>
    </rPh>
    <rPh sb="7" eb="8">
      <t>リツ</t>
    </rPh>
    <phoneticPr fontId="2"/>
  </si>
  <si>
    <t>(市町村記載)</t>
    <rPh sb="1" eb="4">
      <t>シチョウソン</t>
    </rPh>
    <rPh sb="4" eb="6">
      <t>キサイ</t>
    </rPh>
    <phoneticPr fontId="2"/>
  </si>
  <si>
    <t>備考1　「受付番号」欄には記載しないでください。</t>
    <rPh sb="7" eb="9">
      <t>バンゴウ</t>
    </rPh>
    <phoneticPr fontId="2"/>
  </si>
  <si>
    <t>法人である場合その種別</t>
    <rPh sb="5" eb="7">
      <t>バアイ</t>
    </rPh>
    <phoneticPr fontId="2"/>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2"/>
  </si>
  <si>
    <t>認知症対応型共同生活介護</t>
    <rPh sb="0" eb="3">
      <t>ニンチショウ</t>
    </rPh>
    <rPh sb="3" eb="6">
      <t>タイオウガタ</t>
    </rPh>
    <rPh sb="6" eb="8">
      <t>キョウドウ</t>
    </rPh>
    <rPh sb="8" eb="10">
      <t>セイカツ</t>
    </rPh>
    <rPh sb="10" eb="12">
      <t>カイゴ</t>
    </rPh>
    <phoneticPr fontId="2"/>
  </si>
  <si>
    <t>異動（予定）</t>
    <phoneticPr fontId="2"/>
  </si>
  <si>
    <t>異動項目</t>
    <phoneticPr fontId="2"/>
  </si>
  <si>
    <t xml:space="preserve"> 1新規　2変更　3終了</t>
    <phoneticPr fontId="2"/>
  </si>
  <si>
    <t>　　4　「実施事業」欄は、該当する欄に「〇」を記入してください。</t>
    <phoneticPr fontId="2"/>
  </si>
  <si>
    <t>　　6　「異動項目」欄には、(別紙1，1－2)「介護給付費算定に係る体制等状況一覧表」に掲げる項目を記載してください。</t>
    <phoneticPr fontId="2"/>
  </si>
  <si>
    <t>％</t>
    <phoneticPr fontId="2"/>
  </si>
  <si>
    <t>　　8　「特記事項」欄には、異動の状況について具体的に記載してください。</t>
    <phoneticPr fontId="2"/>
  </si>
  <si>
    <t>指定年</t>
    <rPh sb="0" eb="2">
      <t>シテイ</t>
    </rPh>
    <rPh sb="2" eb="3">
      <t>ネン</t>
    </rPh>
    <phoneticPr fontId="2"/>
  </si>
  <si>
    <t>指定を受けている市町村</t>
    <rPh sb="0" eb="2">
      <t>シテイ</t>
    </rPh>
    <rPh sb="3" eb="4">
      <t>ウ</t>
    </rPh>
    <rPh sb="8" eb="11">
      <t>シチョウソン</t>
    </rPh>
    <phoneticPr fontId="2"/>
  </si>
  <si>
    <t>特定事業所加算</t>
    <rPh sb="2" eb="5">
      <t>ジギョウショ</t>
    </rPh>
    <rPh sb="5" eb="7">
      <t>カサン</t>
    </rPh>
    <phoneticPr fontId="2"/>
  </si>
  <si>
    <t>市町村長名</t>
    <rPh sb="0" eb="3">
      <t>シチョウソン</t>
    </rPh>
    <rPh sb="3" eb="4">
      <t>チョウ</t>
    </rPh>
    <rPh sb="4" eb="5">
      <t>メイ</t>
    </rPh>
    <phoneticPr fontId="2"/>
  </si>
  <si>
    <t>市町村が定める単位の有無</t>
    <rPh sb="0" eb="3">
      <t>シチョウソン</t>
    </rPh>
    <rPh sb="4" eb="5">
      <t>サダ</t>
    </rPh>
    <rPh sb="7" eb="9">
      <t>タンイ</t>
    </rPh>
    <rPh sb="10" eb="12">
      <t>ウム</t>
    </rPh>
    <phoneticPr fontId="2"/>
  </si>
  <si>
    <t>介護予防訪問介護</t>
    <rPh sb="0" eb="2">
      <t>カイゴ</t>
    </rPh>
    <rPh sb="2" eb="4">
      <t>ヨボウ</t>
    </rPh>
    <phoneticPr fontId="2"/>
  </si>
  <si>
    <t>介護予防訪問入浴介護</t>
    <rPh sb="0" eb="2">
      <t>カイゴ</t>
    </rPh>
    <rPh sb="2" eb="4">
      <t>ヨボウ</t>
    </rPh>
    <phoneticPr fontId="2"/>
  </si>
  <si>
    <t>介護予防通所介護</t>
    <rPh sb="0" eb="2">
      <t>カイゴ</t>
    </rPh>
    <rPh sb="2" eb="4">
      <t>ヨボウ</t>
    </rPh>
    <phoneticPr fontId="2"/>
  </si>
  <si>
    <t>介護予防短期入所生活介護</t>
    <rPh sb="0" eb="2">
      <t>カイゴ</t>
    </rPh>
    <rPh sb="2" eb="4">
      <t>ヨボウ</t>
    </rPh>
    <phoneticPr fontId="2"/>
  </si>
  <si>
    <t>夜間対応型訪問介護</t>
    <rPh sb="0" eb="2">
      <t>ヤカン</t>
    </rPh>
    <rPh sb="2" eb="5">
      <t>タイオウガタ</t>
    </rPh>
    <phoneticPr fontId="2"/>
  </si>
  <si>
    <t>認知症対応型通所介護</t>
    <rPh sb="0" eb="3">
      <t>ニンチショウ</t>
    </rPh>
    <rPh sb="3" eb="6">
      <t>タイオウガタ</t>
    </rPh>
    <rPh sb="6" eb="8">
      <t>ツウショ</t>
    </rPh>
    <rPh sb="8" eb="10">
      <t>カイゴ</t>
    </rPh>
    <phoneticPr fontId="2"/>
  </si>
  <si>
    <t>小規模多機能型居宅介護</t>
    <rPh sb="0" eb="3">
      <t>ショウキボ</t>
    </rPh>
    <rPh sb="3" eb="6">
      <t>タキノウ</t>
    </rPh>
    <rPh sb="6" eb="7">
      <t>ガタ</t>
    </rPh>
    <rPh sb="7" eb="9">
      <t>キョタク</t>
    </rPh>
    <rPh sb="9" eb="11">
      <t>カイゴ</t>
    </rPh>
    <phoneticPr fontId="2"/>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2"/>
  </si>
  <si>
    <t>介護予防福祉用具貸与</t>
    <rPh sb="0" eb="2">
      <t>カイゴ</t>
    </rPh>
    <rPh sb="2" eb="4">
      <t>ヨボウ</t>
    </rPh>
    <phoneticPr fontId="2"/>
  </si>
  <si>
    <t>介護予防支援</t>
    <rPh sb="0" eb="2">
      <t>カイゴ</t>
    </rPh>
    <rPh sb="2" eb="4">
      <t>ヨボウ</t>
    </rPh>
    <rPh sb="4" eb="6">
      <t>シエン</t>
    </rPh>
    <phoneticPr fontId="2"/>
  </si>
  <si>
    <t>（別紙３－２）</t>
    <rPh sb="1" eb="3">
      <t>ベッシ</t>
    </rPh>
    <phoneticPr fontId="2"/>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2"/>
  </si>
  <si>
    <t>介護予防認知症対応型通所介護</t>
    <rPh sb="0" eb="2">
      <t>カイゴ</t>
    </rPh>
    <rPh sb="2" eb="4">
      <t>ヨボウ</t>
    </rPh>
    <rPh sb="4" eb="7">
      <t>ニンチショウ</t>
    </rPh>
    <rPh sb="7" eb="10">
      <t>タイオウガタ</t>
    </rPh>
    <rPh sb="10" eb="12">
      <t>ツウショ</t>
    </rPh>
    <phoneticPr fontId="2"/>
  </si>
  <si>
    <t>受付番号</t>
    <phoneticPr fontId="2"/>
  </si>
  <si>
    <t>　　知事　　殿</t>
    <phoneticPr fontId="2"/>
  </si>
  <si>
    <t>届　出　者</t>
    <phoneticPr fontId="2"/>
  </si>
  <si>
    <t>名　　称</t>
    <phoneticPr fontId="2"/>
  </si>
  <si>
    <t>　(郵便番号　　―　　　)</t>
    <phoneticPr fontId="2"/>
  </si>
  <si>
    <t>　　　　　県　　　　郡市</t>
    <phoneticPr fontId="2"/>
  </si>
  <si>
    <t>　(ビルの名称等)</t>
    <phoneticPr fontId="2"/>
  </si>
  <si>
    <t>連 絡 先</t>
    <phoneticPr fontId="2"/>
  </si>
  <si>
    <t>事業所の状況</t>
    <phoneticPr fontId="2"/>
  </si>
  <si>
    <t>同一所在地において行う　　　　　　　　　　　　　　　事業等の種類</t>
    <phoneticPr fontId="2"/>
  </si>
  <si>
    <t>変　更　前</t>
    <phoneticPr fontId="2"/>
  </si>
  <si>
    <t>　　5　「異動等の区分」欄には、今回届出を行う事業所について該当する数字に「〇」を記入してください。</t>
    <phoneticPr fontId="2"/>
  </si>
  <si>
    <t>事 業 所 番 号</t>
  </si>
  <si>
    <t>人員配置区分</t>
  </si>
  <si>
    <t>割 引</t>
  </si>
  <si>
    <t>各サービス共通</t>
  </si>
  <si>
    <t>地域区分</t>
  </si>
  <si>
    <t>特別地域加算</t>
  </si>
  <si>
    <t>療養通所介護</t>
    <rPh sb="0" eb="2">
      <t>リョウヨウ</t>
    </rPh>
    <rPh sb="2" eb="4">
      <t>ツウショ</t>
    </rPh>
    <rPh sb="4" eb="6">
      <t>カイゴ</t>
    </rPh>
    <phoneticPr fontId="2"/>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2"/>
  </si>
  <si>
    <t>複合型サービス</t>
    <rPh sb="0" eb="3">
      <t>フクゴウガタ</t>
    </rPh>
    <phoneticPr fontId="2"/>
  </si>
  <si>
    <t>（別紙１）</t>
    <rPh sb="1" eb="3">
      <t>ベッシ</t>
    </rPh>
    <phoneticPr fontId="2"/>
  </si>
  <si>
    <t>　　　適宜欄を補正して、全ての出張所等の状況について記載してください。</t>
    <phoneticPr fontId="2"/>
  </si>
  <si>
    <t>　　2　「法人である場合その種別」欄は、申請者が法人である場合に、「社会福祉法人」「医療法人」「社団法人」</t>
    <rPh sb="10" eb="12">
      <t>バアイ</t>
    </rPh>
    <phoneticPr fontId="2"/>
  </si>
  <si>
    <t>　　　「財団法人」「株式会社」「有限会社」等の別を記入してください。</t>
    <rPh sb="7" eb="8">
      <t>ジン</t>
    </rPh>
    <rPh sb="10" eb="12">
      <t>カブシキ</t>
    </rPh>
    <rPh sb="12" eb="14">
      <t>カイシャ</t>
    </rPh>
    <phoneticPr fontId="2"/>
  </si>
  <si>
    <t>　　9　「主たる事業所の所在地以外の場所で一部実施する場合の出張所等の所在地」について、複数の出張所等を有する場合は、</t>
    <phoneticPr fontId="2"/>
  </si>
  <si>
    <t>主たる事業所の所在地</t>
    <rPh sb="3" eb="6">
      <t>ジギョウショ</t>
    </rPh>
    <phoneticPr fontId="2"/>
  </si>
  <si>
    <t>　　3　「法人所轄庁」欄は、申請者が認可法人である場合に、その主務官庁の名称を記載してください。</t>
    <phoneticPr fontId="2"/>
  </si>
  <si>
    <t>特定事業所集中減算</t>
    <rPh sb="0" eb="2">
      <t>トクテイ</t>
    </rPh>
    <rPh sb="2" eb="5">
      <t>ジギョウショ</t>
    </rPh>
    <rPh sb="5" eb="7">
      <t>シュウチュウ</t>
    </rPh>
    <rPh sb="7" eb="9">
      <t>ゲンサン</t>
    </rPh>
    <phoneticPr fontId="2"/>
  </si>
  <si>
    <t>（別紙●）</t>
    <rPh sb="1" eb="3">
      <t>ベッシ</t>
    </rPh>
    <phoneticPr fontId="2"/>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2"/>
  </si>
  <si>
    <t>地域密着型通所介護</t>
    <rPh sb="0" eb="2">
      <t>チイキ</t>
    </rPh>
    <rPh sb="2" eb="4">
      <t>ミッチャク</t>
    </rPh>
    <rPh sb="4" eb="5">
      <t>ガタ</t>
    </rPh>
    <rPh sb="5" eb="7">
      <t>ツウショ</t>
    </rPh>
    <rPh sb="7" eb="9">
      <t>カイゴ</t>
    </rPh>
    <phoneticPr fontId="2"/>
  </si>
  <si>
    <t>受付番号</t>
    <phoneticPr fontId="2"/>
  </si>
  <si>
    <t>変　更　前</t>
    <phoneticPr fontId="2"/>
  </si>
  <si>
    <t>　　4　「実施事業」欄は、該当する欄に「〇」を記入してください。</t>
    <phoneticPr fontId="2"/>
  </si>
  <si>
    <t>事業所の状況</t>
    <phoneticPr fontId="2"/>
  </si>
  <si>
    <t>同一所在地において行う　　　　　　　　　　　　　　　事業等の種類</t>
    <phoneticPr fontId="2"/>
  </si>
  <si>
    <t>異動（予定）</t>
    <phoneticPr fontId="2"/>
  </si>
  <si>
    <t>異動項目</t>
    <phoneticPr fontId="2"/>
  </si>
  <si>
    <t>　　3　「法人所轄庁」欄、申請者が認可法人である場合に、その主務官庁の名称を記載してください。</t>
    <phoneticPr fontId="2"/>
  </si>
  <si>
    <t>　　7　「特記事項」欄には、異動の状況について具体的に記載してください。</t>
    <phoneticPr fontId="2"/>
  </si>
  <si>
    <t>ターミナルケアマネジメント加算</t>
    <rPh sb="13" eb="15">
      <t>カサン</t>
    </rPh>
    <phoneticPr fontId="2"/>
  </si>
  <si>
    <t>事業所・施設の名称</t>
    <phoneticPr fontId="2"/>
  </si>
  <si>
    <t>フリガナ</t>
    <phoneticPr fontId="2"/>
  </si>
  <si>
    <t>主たる事務所の所在地</t>
    <phoneticPr fontId="2"/>
  </si>
  <si>
    <t>居宅介護支援</t>
    <rPh sb="0" eb="2">
      <t>キョタク</t>
    </rPh>
    <phoneticPr fontId="2"/>
  </si>
  <si>
    <t>地域密着型サービス</t>
    <phoneticPr fontId="2"/>
  </si>
  <si>
    <t>そ　 　　の　 　　他　　 　該　　 　当　　 　す 　　　る 　　　体 　　　制 　　　等</t>
    <phoneticPr fontId="2"/>
  </si>
  <si>
    <t>　　8　「主たる事業所の所在地以外の場所で一部実施する場合の出張所等の所在地」について、複数の出張所等を</t>
    <phoneticPr fontId="2"/>
  </si>
  <si>
    <t>　　　有する場合は、適宜欄を補正して、全ての出張所等の状況について記載してください。</t>
    <phoneticPr fontId="2"/>
  </si>
  <si>
    <t>人員配置区分、その他該当する体制等、割引）を記載してください。</t>
    <phoneticPr fontId="2"/>
  </si>
  <si>
    <t>＜地域密着型サービス事業者・地域密着型介護予防サービス事業者用＞＜居宅介護支援事業者・介護予防支援事業者用＞</t>
    <rPh sb="14" eb="16">
      <t>チイキ</t>
    </rPh>
    <rPh sb="16" eb="19">
      <t>ミッチャクガタ</t>
    </rPh>
    <rPh sb="19" eb="21">
      <t>カイゴ</t>
    </rPh>
    <rPh sb="21" eb="23">
      <t>ヨボウ</t>
    </rPh>
    <rPh sb="27" eb="30">
      <t>ジギョウシャ</t>
    </rPh>
    <rPh sb="43" eb="45">
      <t>カイゴ</t>
    </rPh>
    <phoneticPr fontId="2"/>
  </si>
  <si>
    <t>　　6　「異動項目」欄には、(別紙1－３)「介護給付費算定に係る体制等状況一覧表」に掲げる項目（施設等の区分、</t>
    <phoneticPr fontId="2"/>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2"/>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2"/>
  </si>
  <si>
    <t>提供サービス</t>
    <phoneticPr fontId="2"/>
  </si>
  <si>
    <t>介護予防支援</t>
    <rPh sb="0" eb="2">
      <t>カイゴ</t>
    </rPh>
    <rPh sb="2" eb="4">
      <t>ヨボウ</t>
    </rPh>
    <phoneticPr fontId="2"/>
  </si>
  <si>
    <t>特定事業所医療介護連携加算</t>
    <rPh sb="0" eb="5">
      <t>トクテイジギョウショ</t>
    </rPh>
    <phoneticPr fontId="2"/>
  </si>
  <si>
    <t>LIFEへの登録</t>
    <rPh sb="6" eb="8">
      <t>トウロク</t>
    </rPh>
    <phoneticPr fontId="2"/>
  </si>
  <si>
    <t>情報通信機器等の活用等の体制</t>
    <rPh sb="0" eb="4">
      <t>ジョウホウツウシン</t>
    </rPh>
    <rPh sb="4" eb="6">
      <t>キキ</t>
    </rPh>
    <rPh sb="6" eb="7">
      <t>トウ</t>
    </rPh>
    <rPh sb="8" eb="10">
      <t>カツヨウ</t>
    </rPh>
    <rPh sb="10" eb="11">
      <t>トウ</t>
    </rPh>
    <phoneticPr fontId="2"/>
  </si>
  <si>
    <t>１　１級地</t>
  </si>
  <si>
    <t>６　２級地</t>
  </si>
  <si>
    <t>７　３級地</t>
  </si>
  <si>
    <t>２　４級地</t>
  </si>
  <si>
    <t>３　５級地</t>
  </si>
  <si>
    <t>４　６級地</t>
  </si>
  <si>
    <t>９　７級地</t>
  </si>
  <si>
    <t>５　その他</t>
  </si>
  <si>
    <t>１　なし</t>
  </si>
  <si>
    <t>１ なし</t>
    <phoneticPr fontId="2"/>
  </si>
  <si>
    <t>２ 加算Ⅰ</t>
    <phoneticPr fontId="2"/>
  </si>
  <si>
    <t>３ 加算Ⅱ</t>
    <phoneticPr fontId="2"/>
  </si>
  <si>
    <t>４ 加算Ⅲ</t>
    <phoneticPr fontId="2"/>
  </si>
  <si>
    <t>２　あり</t>
  </si>
  <si>
    <t>１　非該当</t>
    <phoneticPr fontId="2"/>
  </si>
  <si>
    <t>２　該当</t>
  </si>
  <si>
    <t>２ あり</t>
    <phoneticPr fontId="2"/>
  </si>
  <si>
    <t>□</t>
  </si>
  <si>
    <t>居宅介護支援</t>
  </si>
  <si>
    <t>(郵便番号</t>
    <phoneticPr fontId="2"/>
  </si>
  <si>
    <t>ー</t>
    <phoneticPr fontId="2"/>
  </si>
  <si>
    <t>）</t>
    <phoneticPr fontId="2"/>
  </si>
  <si>
    <t>　　　　　</t>
    <phoneticPr fontId="2"/>
  </si>
  <si>
    <t>県</t>
    <rPh sb="0" eb="1">
      <t>ケン</t>
    </rPh>
    <phoneticPr fontId="2"/>
  </si>
  <si>
    <t>群市</t>
    <rPh sb="0" eb="1">
      <t>グン</t>
    </rPh>
    <rPh sb="1" eb="2">
      <t>シ</t>
    </rPh>
    <phoneticPr fontId="2"/>
  </si>
  <si>
    <t>令和</t>
    <rPh sb="0" eb="2">
      <t>レイワ</t>
    </rPh>
    <phoneticPr fontId="2"/>
  </si>
  <si>
    <t>月</t>
    <rPh sb="0" eb="1">
      <t>ゲツ</t>
    </rPh>
    <phoneticPr fontId="2"/>
  </si>
  <si>
    <t>1新規</t>
  </si>
  <si>
    <t>2変更</t>
    <phoneticPr fontId="2"/>
  </si>
  <si>
    <t>3終了</t>
    <phoneticPr fontId="2"/>
  </si>
  <si>
    <t>　(ビルの名称等)</t>
  </si>
  <si>
    <t>1 有</t>
    <rPh sb="2" eb="3">
      <t>ア</t>
    </rPh>
    <phoneticPr fontId="2"/>
  </si>
  <si>
    <t>2 無</t>
    <rPh sb="2" eb="3">
      <t>ナ</t>
    </rPh>
    <phoneticPr fontId="2"/>
  </si>
  <si>
    <t>５ 加算Ａ</t>
    <phoneticPr fontId="2"/>
  </si>
  <si>
    <t>　　5　「異動等の区分」欄には、今回届出を行う事業所について該当する数字の横の□を■にしてください。</t>
    <phoneticPr fontId="2"/>
  </si>
  <si>
    <t>（別紙10）</t>
    <phoneticPr fontId="2"/>
  </si>
  <si>
    <t>月</t>
    <rPh sb="0" eb="1">
      <t>ガツ</t>
    </rPh>
    <phoneticPr fontId="2"/>
  </si>
  <si>
    <t>日</t>
    <rPh sb="0" eb="1">
      <t>ニチ</t>
    </rPh>
    <phoneticPr fontId="2"/>
  </si>
  <si>
    <t>特定事業所加算（Ⅰ）～（Ⅳ）に係る届出書（訪問介護事業所）</t>
    <rPh sb="0" eb="2">
      <t>トクテイ</t>
    </rPh>
    <rPh sb="2" eb="5">
      <t>ジギョウショ</t>
    </rPh>
    <rPh sb="5" eb="7">
      <t>カサン</t>
    </rPh>
    <rPh sb="15" eb="16">
      <t>カカ</t>
    </rPh>
    <rPh sb="17" eb="20">
      <t>トドケデショ</t>
    </rPh>
    <rPh sb="21" eb="23">
      <t>ホウモン</t>
    </rPh>
    <rPh sb="23" eb="25">
      <t>カイゴ</t>
    </rPh>
    <rPh sb="25" eb="28">
      <t>ジギョウショ</t>
    </rPh>
    <phoneticPr fontId="2"/>
  </si>
  <si>
    <t>事 業 所 名</t>
    <rPh sb="0" eb="1">
      <t>コト</t>
    </rPh>
    <rPh sb="2" eb="3">
      <t>ギョウ</t>
    </rPh>
    <rPh sb="4" eb="5">
      <t>ショ</t>
    </rPh>
    <rPh sb="6" eb="7">
      <t>メイ</t>
    </rPh>
    <phoneticPr fontId="2"/>
  </si>
  <si>
    <t>異動等区分</t>
    <rPh sb="0" eb="2">
      <t>イドウ</t>
    </rPh>
    <rPh sb="2" eb="3">
      <t>トウ</t>
    </rPh>
    <rPh sb="3" eb="5">
      <t>クブン</t>
    </rPh>
    <phoneticPr fontId="2"/>
  </si>
  <si>
    <t>1　新規</t>
    <phoneticPr fontId="2"/>
  </si>
  <si>
    <t>2　変更</t>
    <phoneticPr fontId="2"/>
  </si>
  <si>
    <t>3　終了</t>
    <phoneticPr fontId="2"/>
  </si>
  <si>
    <t>届 出 項 目</t>
    <phoneticPr fontId="2"/>
  </si>
  <si>
    <t>1　特定事業所加算(Ⅰ)</t>
    <phoneticPr fontId="2"/>
  </si>
  <si>
    <t>2　特定事業所加算(Ⅱ)</t>
    <phoneticPr fontId="2"/>
  </si>
  <si>
    <t>3　特定事業所加算(Ⅲ)</t>
    <phoneticPr fontId="2"/>
  </si>
  <si>
    <t>4　特定事業所加算(Ⅳ)</t>
    <phoneticPr fontId="2"/>
  </si>
  <si>
    <t>　〔　体　制　要　件　〕</t>
    <rPh sb="3" eb="4">
      <t>カラダ</t>
    </rPh>
    <rPh sb="5" eb="6">
      <t>セイ</t>
    </rPh>
    <rPh sb="7" eb="8">
      <t>ヨウ</t>
    </rPh>
    <rPh sb="9" eb="10">
      <t>ケン</t>
    </rPh>
    <phoneticPr fontId="2"/>
  </si>
  <si>
    <t>有</t>
    <rPh sb="0" eb="1">
      <t>ア</t>
    </rPh>
    <phoneticPr fontId="2"/>
  </si>
  <si>
    <t>・</t>
    <phoneticPr fontId="2"/>
  </si>
  <si>
    <t>無</t>
    <rPh sb="0" eb="1">
      <t>ナ</t>
    </rPh>
    <phoneticPr fontId="2"/>
  </si>
  <si>
    <t>(1)－①　個別の訪問介護員等に係る研修計画を策定し、当該計画に従い、研修を</t>
    <rPh sb="6" eb="8">
      <t>コベツ</t>
    </rPh>
    <rPh sb="9" eb="11">
      <t>ホウモン</t>
    </rPh>
    <rPh sb="11" eb="13">
      <t>カイゴ</t>
    </rPh>
    <rPh sb="13" eb="14">
      <t>イン</t>
    </rPh>
    <rPh sb="14" eb="15">
      <t>トウ</t>
    </rPh>
    <rPh sb="16" eb="17">
      <t>カカ</t>
    </rPh>
    <rPh sb="18" eb="20">
      <t>ケンシュウ</t>
    </rPh>
    <rPh sb="20" eb="22">
      <t>ケイカク</t>
    </rPh>
    <rPh sb="23" eb="25">
      <t>サクテイ</t>
    </rPh>
    <rPh sb="27" eb="29">
      <t>トウガイ</t>
    </rPh>
    <rPh sb="29" eb="31">
      <t>ケイカク</t>
    </rPh>
    <rPh sb="32" eb="33">
      <t>シタガ</t>
    </rPh>
    <rPh sb="35" eb="37">
      <t>ケンシュウ</t>
    </rPh>
    <phoneticPr fontId="2"/>
  </si>
  <si>
    <t>・</t>
    <phoneticPr fontId="2"/>
  </si>
  <si>
    <t>　実施している又は実施することが予定されている。</t>
    <rPh sb="2" eb="3">
      <t>ホドコ</t>
    </rPh>
    <rPh sb="7" eb="8">
      <t>マタ</t>
    </rPh>
    <rPh sb="9" eb="11">
      <t>ジッシ</t>
    </rPh>
    <rPh sb="16" eb="18">
      <t>ヨテイ</t>
    </rPh>
    <phoneticPr fontId="2"/>
  </si>
  <si>
    <t>(1)－②　個別のサービス提供責任者に係る研修計画を策定し、当該計画に従い、</t>
    <rPh sb="6" eb="8">
      <t>コベツ</t>
    </rPh>
    <rPh sb="13" eb="15">
      <t>テイキョウ</t>
    </rPh>
    <rPh sb="15" eb="18">
      <t>セキニンシャ</t>
    </rPh>
    <rPh sb="19" eb="20">
      <t>カカ</t>
    </rPh>
    <rPh sb="21" eb="23">
      <t>ケンシュウ</t>
    </rPh>
    <rPh sb="23" eb="25">
      <t>ケイカク</t>
    </rPh>
    <rPh sb="26" eb="28">
      <t>サクテイ</t>
    </rPh>
    <rPh sb="30" eb="32">
      <t>トウガイ</t>
    </rPh>
    <rPh sb="32" eb="34">
      <t>ケイカク</t>
    </rPh>
    <rPh sb="35" eb="36">
      <t>シタガ</t>
    </rPh>
    <phoneticPr fontId="2"/>
  </si>
  <si>
    <t>　研修を実施している又は実施することが予定されている。</t>
    <phoneticPr fontId="2"/>
  </si>
  <si>
    <t>(2)　訪問介護員等の技術指導を目的とした会議を定期的に開催している。</t>
    <rPh sb="4" eb="6">
      <t>ホウモン</t>
    </rPh>
    <rPh sb="6" eb="9">
      <t>カイゴイン</t>
    </rPh>
    <rPh sb="9" eb="10">
      <t>トウ</t>
    </rPh>
    <rPh sb="11" eb="13">
      <t>ギジュツ</t>
    </rPh>
    <rPh sb="13" eb="15">
      <t>シドウ</t>
    </rPh>
    <rPh sb="16" eb="18">
      <t>モクテキ</t>
    </rPh>
    <rPh sb="21" eb="23">
      <t>カイギ</t>
    </rPh>
    <rPh sb="24" eb="27">
      <t>テイキテキ</t>
    </rPh>
    <rPh sb="28" eb="30">
      <t>カイサイ</t>
    </rPh>
    <phoneticPr fontId="2"/>
  </si>
  <si>
    <t>(3)　サービス提供責任者と訪問介護員等との間の情報伝達及び報告体制を整備</t>
    <rPh sb="8" eb="10">
      <t>テイキョウ</t>
    </rPh>
    <rPh sb="10" eb="13">
      <t>セキニンシャ</t>
    </rPh>
    <rPh sb="14" eb="16">
      <t>ホウモン</t>
    </rPh>
    <rPh sb="16" eb="18">
      <t>カイゴ</t>
    </rPh>
    <rPh sb="18" eb="19">
      <t>イン</t>
    </rPh>
    <rPh sb="19" eb="20">
      <t>トウ</t>
    </rPh>
    <rPh sb="22" eb="23">
      <t>アイダ</t>
    </rPh>
    <rPh sb="24" eb="26">
      <t>ジョウホウ</t>
    </rPh>
    <rPh sb="26" eb="28">
      <t>デンタツ</t>
    </rPh>
    <rPh sb="28" eb="29">
      <t>オヨ</t>
    </rPh>
    <rPh sb="30" eb="32">
      <t>ホウコク</t>
    </rPh>
    <rPh sb="32" eb="34">
      <t>タイセイ</t>
    </rPh>
    <rPh sb="35" eb="37">
      <t>セイビ</t>
    </rPh>
    <phoneticPr fontId="2"/>
  </si>
  <si>
    <t>　している。</t>
    <phoneticPr fontId="2"/>
  </si>
  <si>
    <t>(4)　訪問介護員等に対する健康診断の定期的な実施体制を整備している。</t>
    <rPh sb="4" eb="6">
      <t>ホウモン</t>
    </rPh>
    <rPh sb="6" eb="9">
      <t>カイゴイン</t>
    </rPh>
    <rPh sb="9" eb="10">
      <t>トウ</t>
    </rPh>
    <rPh sb="11" eb="12">
      <t>タイ</t>
    </rPh>
    <rPh sb="14" eb="16">
      <t>ケンコウ</t>
    </rPh>
    <rPh sb="16" eb="18">
      <t>シンダン</t>
    </rPh>
    <rPh sb="19" eb="22">
      <t>テイキテキ</t>
    </rPh>
    <rPh sb="23" eb="25">
      <t>ジッシ</t>
    </rPh>
    <rPh sb="25" eb="27">
      <t>タイセイ</t>
    </rPh>
    <rPh sb="28" eb="30">
      <t>セイビ</t>
    </rPh>
    <phoneticPr fontId="2"/>
  </si>
  <si>
    <t>(5)　緊急時等における対応方法を利用者に明示している。</t>
    <rPh sb="4" eb="7">
      <t>キンキュウジ</t>
    </rPh>
    <rPh sb="7" eb="8">
      <t>トウ</t>
    </rPh>
    <rPh sb="12" eb="14">
      <t>タイオウ</t>
    </rPh>
    <rPh sb="14" eb="16">
      <t>ホウホウ</t>
    </rPh>
    <rPh sb="17" eb="20">
      <t>リヨウシャ</t>
    </rPh>
    <rPh sb="21" eb="23">
      <t>メイジ</t>
    </rPh>
    <phoneticPr fontId="2"/>
  </si>
  <si>
    <t>　〔　人　材　要　件　〕</t>
    <rPh sb="3" eb="4">
      <t>ジン</t>
    </rPh>
    <rPh sb="5" eb="6">
      <t>ザイ</t>
    </rPh>
    <rPh sb="7" eb="8">
      <t>ヨウ</t>
    </rPh>
    <rPh sb="9" eb="10">
      <t>ケン</t>
    </rPh>
    <phoneticPr fontId="2"/>
  </si>
  <si>
    <t>(1)　訪問介護員等要件について</t>
    <rPh sb="4" eb="6">
      <t>ホウモン</t>
    </rPh>
    <rPh sb="6" eb="9">
      <t>カイゴイン</t>
    </rPh>
    <rPh sb="9" eb="10">
      <t>トウ</t>
    </rPh>
    <rPh sb="10" eb="12">
      <t>ヨウケン</t>
    </rPh>
    <phoneticPr fontId="2"/>
  </si>
  <si>
    <t>　　下表の①については必ず記載すること。②・③についてはいずれかを記載</t>
    <rPh sb="2" eb="4">
      <t>カヒョウ</t>
    </rPh>
    <rPh sb="11" eb="12">
      <t>カナラ</t>
    </rPh>
    <rPh sb="13" eb="15">
      <t>キサイ</t>
    </rPh>
    <rPh sb="33" eb="35">
      <t>キサイ</t>
    </rPh>
    <phoneticPr fontId="2"/>
  </si>
  <si>
    <t>　することで可。</t>
    <rPh sb="6" eb="7">
      <t>カ</t>
    </rPh>
    <phoneticPr fontId="2"/>
  </si>
  <si>
    <t>［</t>
    <phoneticPr fontId="2"/>
  </si>
  <si>
    <t>前年度</t>
    <rPh sb="0" eb="3">
      <t>ゼンネンド</t>
    </rPh>
    <phoneticPr fontId="2"/>
  </si>
  <si>
    <t>前三月</t>
    <rPh sb="0" eb="1">
      <t>ゼン</t>
    </rPh>
    <rPh sb="1" eb="3">
      <t>サンガツ</t>
    </rPh>
    <phoneticPr fontId="2"/>
  </si>
  <si>
    <t>］における一月当たりの実績の平均</t>
    <phoneticPr fontId="2"/>
  </si>
  <si>
    <t>（[　]はいずれかの□を■にする）</t>
    <phoneticPr fontId="2"/>
  </si>
  <si>
    <t>常勤換算
職員数</t>
    <rPh sb="0" eb="2">
      <t>ジョウキン</t>
    </rPh>
    <rPh sb="2" eb="4">
      <t>カンサン</t>
    </rPh>
    <rPh sb="5" eb="8">
      <t>ショクインスウ</t>
    </rPh>
    <phoneticPr fontId="2"/>
  </si>
  <si>
    <t>①</t>
    <phoneticPr fontId="2"/>
  </si>
  <si>
    <t>　訪問介護員等の総数（常勤換算）</t>
    <rPh sb="1" eb="3">
      <t>ホウモン</t>
    </rPh>
    <rPh sb="3" eb="6">
      <t>カイゴイン</t>
    </rPh>
    <rPh sb="6" eb="7">
      <t>トウ</t>
    </rPh>
    <rPh sb="8" eb="10">
      <t>ソウスウ</t>
    </rPh>
    <rPh sb="11" eb="13">
      <t>ジョウキン</t>
    </rPh>
    <rPh sb="13" eb="15">
      <t>カンザン</t>
    </rPh>
    <phoneticPr fontId="2"/>
  </si>
  <si>
    <t>人</t>
    <rPh sb="0" eb="1">
      <t>ニン</t>
    </rPh>
    <phoneticPr fontId="2"/>
  </si>
  <si>
    <t>・</t>
    <phoneticPr fontId="2"/>
  </si>
  <si>
    <t>②</t>
    <phoneticPr fontId="2"/>
  </si>
  <si>
    <t>　①のうち介護福祉士の総数
（常勤換算）</t>
    <rPh sb="5" eb="7">
      <t>カイゴ</t>
    </rPh>
    <rPh sb="7" eb="10">
      <t>フクシシ</t>
    </rPh>
    <rPh sb="11" eb="13">
      <t>ソウスウ</t>
    </rPh>
    <rPh sb="15" eb="17">
      <t>ジョウキン</t>
    </rPh>
    <rPh sb="17" eb="19">
      <t>カンザン</t>
    </rPh>
    <phoneticPr fontId="2"/>
  </si>
  <si>
    <t>→</t>
    <phoneticPr fontId="2"/>
  </si>
  <si>
    <t>①に占める②の
割合が３０％以上</t>
    <rPh sb="2" eb="3">
      <t>シ</t>
    </rPh>
    <rPh sb="9" eb="10">
      <t>ゴウ</t>
    </rPh>
    <rPh sb="14" eb="16">
      <t>イジョウ</t>
    </rPh>
    <phoneticPr fontId="2"/>
  </si>
  <si>
    <t>③</t>
    <phoneticPr fontId="2"/>
  </si>
  <si>
    <t>　①のうち介護福祉士、実務者研修
   修了者、介護職員基礎研修課程
   修了者及び1級課程修了者の総数
（常勤換算）</t>
    <rPh sb="5" eb="7">
      <t>カイゴ</t>
    </rPh>
    <rPh sb="7" eb="10">
      <t>フクシシ</t>
    </rPh>
    <rPh sb="11" eb="14">
      <t>ジツムシャ</t>
    </rPh>
    <rPh sb="14" eb="16">
      <t>ケンシュウ</t>
    </rPh>
    <rPh sb="20" eb="22">
      <t>シュウリョウ</t>
    </rPh>
    <rPh sb="22" eb="23">
      <t>シャ</t>
    </rPh>
    <rPh sb="24" eb="26">
      <t>カイゴ</t>
    </rPh>
    <rPh sb="26" eb="28">
      <t>ショクイン</t>
    </rPh>
    <rPh sb="28" eb="30">
      <t>キソ</t>
    </rPh>
    <rPh sb="30" eb="32">
      <t>ケンシュウ</t>
    </rPh>
    <rPh sb="32" eb="34">
      <t>カテイ</t>
    </rPh>
    <rPh sb="38" eb="41">
      <t>シュウリョウシャ</t>
    </rPh>
    <rPh sb="41" eb="42">
      <t>オヨ</t>
    </rPh>
    <rPh sb="44" eb="45">
      <t>キュウ</t>
    </rPh>
    <rPh sb="45" eb="47">
      <t>カテイ</t>
    </rPh>
    <rPh sb="47" eb="50">
      <t>シュウリョウシャ</t>
    </rPh>
    <rPh sb="51" eb="53">
      <t>ソウスウ</t>
    </rPh>
    <rPh sb="55" eb="57">
      <t>ジョウキン</t>
    </rPh>
    <rPh sb="57" eb="59">
      <t>カンサン</t>
    </rPh>
    <phoneticPr fontId="2"/>
  </si>
  <si>
    <t>①に占める③の
割合が５０％以上</t>
    <rPh sb="2" eb="3">
      <t>シ</t>
    </rPh>
    <rPh sb="9" eb="10">
      <t>ゴウ</t>
    </rPh>
    <rPh sb="14" eb="16">
      <t>イジョウ</t>
    </rPh>
    <phoneticPr fontId="2"/>
  </si>
  <si>
    <t>(2)　サービス提供責任者要件について</t>
    <rPh sb="8" eb="10">
      <t>テイキョウ</t>
    </rPh>
    <rPh sb="10" eb="13">
      <t>セキニンシャ</t>
    </rPh>
    <rPh sb="13" eb="15">
      <t>ヨウケン</t>
    </rPh>
    <phoneticPr fontId="2"/>
  </si>
  <si>
    <t>職員数</t>
    <rPh sb="0" eb="3">
      <t>ショクインスウ</t>
    </rPh>
    <phoneticPr fontId="2"/>
  </si>
  <si>
    <t>常勤換算職員数</t>
    <rPh sb="0" eb="2">
      <t>ジョウキン</t>
    </rPh>
    <rPh sb="2" eb="4">
      <t>カンサン</t>
    </rPh>
    <rPh sb="4" eb="7">
      <t>ショクインスウ</t>
    </rPh>
    <phoneticPr fontId="2"/>
  </si>
  <si>
    <t>サービス提供責任者</t>
    <rPh sb="4" eb="6">
      <t>テイキョウ</t>
    </rPh>
    <rPh sb="6" eb="9">
      <t>セキニンシャ</t>
    </rPh>
    <phoneticPr fontId="2"/>
  </si>
  <si>
    <t>常勤</t>
    <rPh sb="0" eb="2">
      <t>ジョウキン</t>
    </rPh>
    <phoneticPr fontId="2"/>
  </si>
  <si>
    <t>非常勤</t>
    <rPh sb="0" eb="3">
      <t>ヒジョウキン</t>
    </rPh>
    <phoneticPr fontId="2"/>
  </si>
  <si>
    <t>↓</t>
    <phoneticPr fontId="2"/>
  </si>
  <si>
    <t>　すべてが3年以上の介護業務の実務経験を有する介護福祉士又は5年以上の</t>
    <rPh sb="6" eb="7">
      <t>ネン</t>
    </rPh>
    <rPh sb="7" eb="9">
      <t>イジョウ</t>
    </rPh>
    <rPh sb="10" eb="12">
      <t>カイゴ</t>
    </rPh>
    <rPh sb="12" eb="14">
      <t>ギョウム</t>
    </rPh>
    <rPh sb="15" eb="17">
      <t>ジツム</t>
    </rPh>
    <rPh sb="17" eb="19">
      <t>ケイケン</t>
    </rPh>
    <rPh sb="20" eb="21">
      <t>ユウ</t>
    </rPh>
    <rPh sb="23" eb="25">
      <t>カイゴ</t>
    </rPh>
    <rPh sb="25" eb="28">
      <t>フクシシ</t>
    </rPh>
    <rPh sb="28" eb="29">
      <t>マタ</t>
    </rPh>
    <rPh sb="31" eb="32">
      <t>ネン</t>
    </rPh>
    <rPh sb="32" eb="34">
      <t>イジョウ</t>
    </rPh>
    <phoneticPr fontId="2"/>
  </si>
  <si>
    <t>実務経験を有する実務者研修修了者若しくは介護職員基礎研修課程修了者</t>
    <rPh sb="8" eb="11">
      <t>ジツムシャ</t>
    </rPh>
    <rPh sb="11" eb="13">
      <t>ケンシュウ</t>
    </rPh>
    <rPh sb="13" eb="16">
      <t>シュウリョウシャ</t>
    </rPh>
    <rPh sb="16" eb="17">
      <t>モ</t>
    </rPh>
    <rPh sb="20" eb="22">
      <t>カイゴ</t>
    </rPh>
    <rPh sb="22" eb="24">
      <t>ショクイン</t>
    </rPh>
    <rPh sb="24" eb="26">
      <t>キソ</t>
    </rPh>
    <rPh sb="26" eb="28">
      <t>ケンシュウ</t>
    </rPh>
    <rPh sb="28" eb="30">
      <t>カテイ</t>
    </rPh>
    <rPh sb="30" eb="33">
      <t>シュウリョウシャ</t>
    </rPh>
    <phoneticPr fontId="2"/>
  </si>
  <si>
    <t>若しくは1級課程修了者である。</t>
    <phoneticPr fontId="2"/>
  </si>
  <si>
    <t>　〔 重 度 要 介 護 者 等 対 応 要 件 〕</t>
    <rPh sb="3" eb="4">
      <t>シゲル</t>
    </rPh>
    <rPh sb="5" eb="6">
      <t>ド</t>
    </rPh>
    <rPh sb="7" eb="8">
      <t>ヨウ</t>
    </rPh>
    <rPh sb="9" eb="10">
      <t>スケ</t>
    </rPh>
    <rPh sb="11" eb="12">
      <t>マモル</t>
    </rPh>
    <rPh sb="13" eb="14">
      <t>モノ</t>
    </rPh>
    <rPh sb="15" eb="16">
      <t>トウ</t>
    </rPh>
    <rPh sb="17" eb="18">
      <t>タイ</t>
    </rPh>
    <rPh sb="19" eb="20">
      <t>オウ</t>
    </rPh>
    <rPh sb="21" eb="22">
      <t>ヨウ</t>
    </rPh>
    <rPh sb="23" eb="24">
      <t>ケン</t>
    </rPh>
    <phoneticPr fontId="2"/>
  </si>
  <si>
    <t>］における（[　]はいずれかの□を■にする）</t>
    <phoneticPr fontId="2"/>
  </si>
  <si>
    <t>①　利用者の総数のうち、要介護４及び要介護５である者、認知症日常生活自立度</t>
    <rPh sb="2" eb="5">
      <t>リヨウシャ</t>
    </rPh>
    <rPh sb="6" eb="8">
      <t>ソウスウ</t>
    </rPh>
    <rPh sb="12" eb="15">
      <t>ヨウカイゴ</t>
    </rPh>
    <rPh sb="16" eb="17">
      <t>オヨ</t>
    </rPh>
    <rPh sb="18" eb="21">
      <t>ヨウカイゴ</t>
    </rPh>
    <rPh sb="25" eb="26">
      <t>シャ</t>
    </rPh>
    <rPh sb="27" eb="29">
      <t>ニンチ</t>
    </rPh>
    <rPh sb="29" eb="30">
      <t>ショウ</t>
    </rPh>
    <rPh sb="30" eb="32">
      <t>ニチジョウ</t>
    </rPh>
    <rPh sb="32" eb="34">
      <t>セイカツ</t>
    </rPh>
    <rPh sb="34" eb="37">
      <t>ジリツド</t>
    </rPh>
    <phoneticPr fontId="2"/>
  </si>
  <si>
    <t>　ランクⅢ、Ⅳ又はＭである者並びにたんの吸引等が必要な者が占める割合が20％</t>
    <rPh sb="13" eb="14">
      <t>モノ</t>
    </rPh>
    <rPh sb="14" eb="15">
      <t>ナラ</t>
    </rPh>
    <rPh sb="20" eb="22">
      <t>キュウイン</t>
    </rPh>
    <rPh sb="22" eb="23">
      <t>トウ</t>
    </rPh>
    <rPh sb="24" eb="26">
      <t>ヒツヨウ</t>
    </rPh>
    <rPh sb="27" eb="28">
      <t>モノ</t>
    </rPh>
    <rPh sb="29" eb="30">
      <t>シ</t>
    </rPh>
    <rPh sb="32" eb="34">
      <t>ワリアイ</t>
    </rPh>
    <phoneticPr fontId="2"/>
  </si>
  <si>
    <t>　以上</t>
    <phoneticPr fontId="2"/>
  </si>
  <si>
    <t>②　利用者の総数のうち、要介護３、要介護４又は要介護５である者、認知症日常</t>
    <rPh sb="2" eb="5">
      <t>リヨウシャ</t>
    </rPh>
    <rPh sb="6" eb="8">
      <t>ソウスウ</t>
    </rPh>
    <rPh sb="12" eb="15">
      <t>ヨウカイゴ</t>
    </rPh>
    <rPh sb="17" eb="20">
      <t>ヨウカイゴ</t>
    </rPh>
    <rPh sb="21" eb="22">
      <t>マタ</t>
    </rPh>
    <rPh sb="23" eb="26">
      <t>ヨウカイゴ</t>
    </rPh>
    <rPh sb="30" eb="31">
      <t>モノ</t>
    </rPh>
    <rPh sb="32" eb="35">
      <t>ニンチショウ</t>
    </rPh>
    <rPh sb="35" eb="37">
      <t>ニチジョウ</t>
    </rPh>
    <phoneticPr fontId="2"/>
  </si>
  <si>
    <t>　生活自立度ランクⅢ、Ⅳ又はＭである者並びにたんの吸引等が必要な者が占める</t>
    <phoneticPr fontId="2"/>
  </si>
  <si>
    <t>　割合が60%以上</t>
    <phoneticPr fontId="2"/>
  </si>
  <si>
    <t>備考１　各要件を満たす場合については、それぞれ根拠となる（要件を満たすことがわかる）</t>
    <rPh sb="0" eb="2">
      <t>ビコウ</t>
    </rPh>
    <rPh sb="4" eb="5">
      <t>カク</t>
    </rPh>
    <rPh sb="5" eb="7">
      <t>ヨウケン</t>
    </rPh>
    <rPh sb="8" eb="9">
      <t>ミ</t>
    </rPh>
    <rPh sb="11" eb="13">
      <t>バアイ</t>
    </rPh>
    <rPh sb="23" eb="25">
      <t>コンキョ</t>
    </rPh>
    <rPh sb="29" eb="31">
      <t>ヨウケン</t>
    </rPh>
    <rPh sb="32" eb="33">
      <t>ミ</t>
    </rPh>
    <phoneticPr fontId="2"/>
  </si>
  <si>
    <t>　書類も提出してください。</t>
    <rPh sb="4" eb="6">
      <t>テイシュツ</t>
    </rPh>
    <phoneticPr fontId="2"/>
  </si>
  <si>
    <t>備考２　平成25年４月以降は、「介護職員基礎研修課程修了者」とあるのは「旧介護職員基礎</t>
    <rPh sb="0" eb="2">
      <t>ビコウ</t>
    </rPh>
    <rPh sb="4" eb="6">
      <t>ヘイセイ</t>
    </rPh>
    <rPh sb="8" eb="9">
      <t>ネン</t>
    </rPh>
    <rPh sb="10" eb="11">
      <t>ゲツ</t>
    </rPh>
    <rPh sb="11" eb="13">
      <t>イコウ</t>
    </rPh>
    <rPh sb="16" eb="18">
      <t>カイゴ</t>
    </rPh>
    <rPh sb="18" eb="20">
      <t>ショクイン</t>
    </rPh>
    <rPh sb="20" eb="22">
      <t>キソ</t>
    </rPh>
    <rPh sb="22" eb="24">
      <t>ケンシュウ</t>
    </rPh>
    <rPh sb="24" eb="26">
      <t>カテイ</t>
    </rPh>
    <rPh sb="26" eb="29">
      <t>シュウリョウシャ</t>
    </rPh>
    <rPh sb="36" eb="37">
      <t>キュウ</t>
    </rPh>
    <rPh sb="37" eb="39">
      <t>カイゴ</t>
    </rPh>
    <rPh sb="39" eb="41">
      <t>ショクイン</t>
    </rPh>
    <rPh sb="41" eb="43">
      <t>キソ</t>
    </rPh>
    <phoneticPr fontId="2"/>
  </si>
  <si>
    <t>　研修課程修了者」と、「１級課程修了者」とあるのは「旧１級課程修了者」と読み替える。　</t>
    <rPh sb="1" eb="3">
      <t>ケンシュウ</t>
    </rPh>
    <rPh sb="13" eb="14">
      <t>キュウ</t>
    </rPh>
    <rPh sb="14" eb="16">
      <t>カテイ</t>
    </rPh>
    <rPh sb="16" eb="19">
      <t>シュウリョウシャ</t>
    </rPh>
    <rPh sb="26" eb="27">
      <t>キュウ</t>
    </rPh>
    <rPh sb="28" eb="29">
      <t>キュウ</t>
    </rPh>
    <rPh sb="29" eb="31">
      <t>カテイ</t>
    </rPh>
    <rPh sb="31" eb="33">
      <t>シュウリョウ</t>
    </rPh>
    <rPh sb="33" eb="34">
      <t>シャ</t>
    </rPh>
    <rPh sb="36" eb="37">
      <t>ヨ</t>
    </rPh>
    <rPh sb="38" eb="39">
      <t>カ</t>
    </rPh>
    <phoneticPr fontId="2"/>
  </si>
  <si>
    <t>備考３　「たんの吸引等が必要な者」は、社会福祉士及び介護福祉士法の規定に基づき、</t>
    <rPh sb="0" eb="2">
      <t>ビコウ</t>
    </rPh>
    <rPh sb="8" eb="10">
      <t>キュウイン</t>
    </rPh>
    <rPh sb="10" eb="11">
      <t>トウ</t>
    </rPh>
    <rPh sb="12" eb="14">
      <t>ヒツヨウ</t>
    </rPh>
    <rPh sb="15" eb="16">
      <t>モノ</t>
    </rPh>
    <rPh sb="19" eb="21">
      <t>シャカイ</t>
    </rPh>
    <rPh sb="21" eb="23">
      <t>フクシ</t>
    </rPh>
    <rPh sb="23" eb="24">
      <t>シ</t>
    </rPh>
    <rPh sb="24" eb="25">
      <t>オヨ</t>
    </rPh>
    <rPh sb="26" eb="28">
      <t>カイゴ</t>
    </rPh>
    <rPh sb="28" eb="31">
      <t>フクシシ</t>
    </rPh>
    <rPh sb="31" eb="32">
      <t>ホウ</t>
    </rPh>
    <rPh sb="33" eb="35">
      <t>キテイ</t>
    </rPh>
    <rPh sb="36" eb="37">
      <t>モト</t>
    </rPh>
    <phoneticPr fontId="2"/>
  </si>
  <si>
    <t>　たんの吸引等の業務を行うための登録を受けている事業所に限り該当するものである。</t>
    <rPh sb="8" eb="10">
      <t>ギョウム</t>
    </rPh>
    <rPh sb="11" eb="12">
      <t>オコナ</t>
    </rPh>
    <rPh sb="16" eb="18">
      <t>トウロク</t>
    </rPh>
    <rPh sb="19" eb="20">
      <t>ウ</t>
    </rPh>
    <rPh sb="24" eb="27">
      <t>ジギョウショ</t>
    </rPh>
    <rPh sb="28" eb="29">
      <t>カギ</t>
    </rPh>
    <rPh sb="30" eb="32">
      <t>ガイトウ</t>
    </rPh>
    <phoneticPr fontId="2"/>
  </si>
  <si>
    <t>（別紙10－２）</t>
    <phoneticPr fontId="2"/>
  </si>
  <si>
    <t>特定事業所加算（Ⅴ）に係る届出書（訪問介護事業所）</t>
    <rPh sb="0" eb="2">
      <t>トクテイ</t>
    </rPh>
    <rPh sb="2" eb="5">
      <t>ジギョウショ</t>
    </rPh>
    <rPh sb="5" eb="7">
      <t>カサン</t>
    </rPh>
    <rPh sb="11" eb="12">
      <t>カカ</t>
    </rPh>
    <rPh sb="13" eb="16">
      <t>トドケデショ</t>
    </rPh>
    <rPh sb="17" eb="19">
      <t>ホウモン</t>
    </rPh>
    <rPh sb="19" eb="21">
      <t>カイゴ</t>
    </rPh>
    <rPh sb="21" eb="24">
      <t>ジギョウショ</t>
    </rPh>
    <phoneticPr fontId="2"/>
  </si>
  <si>
    <t>(1)　個別の訪問介護員等に係る研修計画を策定し、当該計画に従い、研修を</t>
    <rPh sb="4" eb="6">
      <t>コベツ</t>
    </rPh>
    <rPh sb="7" eb="9">
      <t>ホウモン</t>
    </rPh>
    <rPh sb="9" eb="11">
      <t>カイゴ</t>
    </rPh>
    <rPh sb="11" eb="12">
      <t>イン</t>
    </rPh>
    <rPh sb="12" eb="13">
      <t>トウ</t>
    </rPh>
    <rPh sb="14" eb="15">
      <t>カカ</t>
    </rPh>
    <rPh sb="16" eb="18">
      <t>ケンシュウ</t>
    </rPh>
    <rPh sb="18" eb="20">
      <t>ケイカク</t>
    </rPh>
    <rPh sb="21" eb="23">
      <t>サクテイ</t>
    </rPh>
    <rPh sb="25" eb="27">
      <t>トウガイ</t>
    </rPh>
    <rPh sb="27" eb="29">
      <t>ケイカク</t>
    </rPh>
    <rPh sb="30" eb="31">
      <t>シタガ</t>
    </rPh>
    <rPh sb="33" eb="35">
      <t>ケンシュウ</t>
    </rPh>
    <phoneticPr fontId="2"/>
  </si>
  <si>
    <t>勤続年数の状況について</t>
    <rPh sb="0" eb="1">
      <t>キンゾク</t>
    </rPh>
    <rPh sb="1" eb="3">
      <t>ネンスウ</t>
    </rPh>
    <rPh sb="4" eb="6">
      <t>ジョウキョウ</t>
    </rPh>
    <phoneticPr fontId="2"/>
  </si>
  <si>
    <t>　訪問介護員等の総数（常勤換算）</t>
    <rPh sb="1" eb="3">
      <t>ホウモン</t>
    </rPh>
    <rPh sb="3" eb="5">
      <t>カイゴ</t>
    </rPh>
    <rPh sb="5" eb="6">
      <t>イン</t>
    </rPh>
    <rPh sb="6" eb="7">
      <t>トウ</t>
    </rPh>
    <rPh sb="8" eb="10">
      <t>ソウスウ</t>
    </rPh>
    <rPh sb="11" eb="13">
      <t>ジョウキン</t>
    </rPh>
    <rPh sb="13" eb="15">
      <t>カンサン</t>
    </rPh>
    <phoneticPr fontId="2"/>
  </si>
  <si>
    <t>　①のうち勤続年数７年以上の者の総数　（常勤換算）</t>
    <rPh sb="5" eb="7">
      <t>キンゾク</t>
    </rPh>
    <rPh sb="7" eb="9">
      <t>ネンスウ</t>
    </rPh>
    <rPh sb="10" eb="13">
      <t>ネンイジョウ</t>
    </rPh>
    <rPh sb="14" eb="15">
      <t>シャ</t>
    </rPh>
    <rPh sb="16" eb="18">
      <t>ソウスウ</t>
    </rPh>
    <rPh sb="20" eb="22">
      <t>ジョウキン</t>
    </rPh>
    <rPh sb="22" eb="24">
      <t>カンサン</t>
    </rPh>
    <phoneticPr fontId="2"/>
  </si>
  <si>
    <t>①に占める②の
割合が30％以上</t>
    <rPh sb="2" eb="3">
      <t>シ</t>
    </rPh>
    <rPh sb="8" eb="10">
      <t>ワリアイ</t>
    </rPh>
    <rPh sb="14" eb="16">
      <t>イジョウ</t>
    </rPh>
    <phoneticPr fontId="2"/>
  </si>
  <si>
    <t>備考　各要件を満たす場合については、それぞれ根拠となる（要件を満たすことがわかる）</t>
    <rPh sb="0" eb="2">
      <t>ビコウ</t>
    </rPh>
    <rPh sb="3" eb="4">
      <t>カク</t>
    </rPh>
    <rPh sb="4" eb="6">
      <t>ヨウケン</t>
    </rPh>
    <rPh sb="7" eb="8">
      <t>ミ</t>
    </rPh>
    <rPh sb="10" eb="12">
      <t>バアイ</t>
    </rPh>
    <rPh sb="22" eb="24">
      <t>コンキョ</t>
    </rPh>
    <rPh sb="28" eb="30">
      <t>ヨウケン</t>
    </rPh>
    <rPh sb="31" eb="32">
      <t>ミ</t>
    </rPh>
    <phoneticPr fontId="2"/>
  </si>
  <si>
    <t>（別紙10－３）</t>
    <phoneticPr fontId="2"/>
  </si>
  <si>
    <t>特定事業所加算(Ⅰ)～(Ⅲ)・特定事業所医療介護連携加算・ターミナルケアマネジメント加算に係る届出書
（居宅介護支援事業所）</t>
    <rPh sb="0" eb="2">
      <t>トクテイ</t>
    </rPh>
    <rPh sb="2" eb="5">
      <t>ジギョウショ</t>
    </rPh>
    <rPh sb="5" eb="7">
      <t>カサン</t>
    </rPh>
    <rPh sb="15" eb="17">
      <t>トクテイ</t>
    </rPh>
    <rPh sb="17" eb="20">
      <t>ジギョウショ</t>
    </rPh>
    <rPh sb="20" eb="22">
      <t>イリョウ</t>
    </rPh>
    <rPh sb="22" eb="24">
      <t>カイゴ</t>
    </rPh>
    <rPh sb="24" eb="26">
      <t>レンケイ</t>
    </rPh>
    <rPh sb="26" eb="28">
      <t>カサン</t>
    </rPh>
    <rPh sb="42" eb="44">
      <t>カサン</t>
    </rPh>
    <rPh sb="45" eb="46">
      <t>カカ</t>
    </rPh>
    <rPh sb="47" eb="50">
      <t>トドケデショ</t>
    </rPh>
    <rPh sb="52" eb="54">
      <t>キョタク</t>
    </rPh>
    <rPh sb="54" eb="56">
      <t>カイゴ</t>
    </rPh>
    <rPh sb="56" eb="58">
      <t>シエン</t>
    </rPh>
    <rPh sb="58" eb="61">
      <t>ジギョウショ</t>
    </rPh>
    <phoneticPr fontId="2"/>
  </si>
  <si>
    <t>事業所名</t>
    <phoneticPr fontId="2"/>
  </si>
  <si>
    <t>異動等区分</t>
    <phoneticPr fontId="2"/>
  </si>
  <si>
    <t>届出項目</t>
    <phoneticPr fontId="2"/>
  </si>
  <si>
    <t>1　特定事業所加算(Ⅰ)</t>
    <phoneticPr fontId="2"/>
  </si>
  <si>
    <t>4　特定事業所医療介護連携加算</t>
    <rPh sb="2" eb="4">
      <t>トクテイ</t>
    </rPh>
    <rPh sb="4" eb="7">
      <t>ジギョウショ</t>
    </rPh>
    <rPh sb="7" eb="9">
      <t>イリョウ</t>
    </rPh>
    <rPh sb="9" eb="11">
      <t>カイゴ</t>
    </rPh>
    <rPh sb="11" eb="13">
      <t>レンケイ</t>
    </rPh>
    <rPh sb="13" eb="15">
      <t>カサン</t>
    </rPh>
    <phoneticPr fontId="2"/>
  </si>
  <si>
    <t>5　ターミナルケアマネジメント加算</t>
    <rPh sb="15" eb="17">
      <t>カサン</t>
    </rPh>
    <phoneticPr fontId="2"/>
  </si>
  <si>
    <t>１．特定事業所加算(Ⅰ)～(Ⅲ)に係る届出内容</t>
    <rPh sb="2" eb="4">
      <t>トクテイ</t>
    </rPh>
    <rPh sb="4" eb="7">
      <t>ジギョウショ</t>
    </rPh>
    <rPh sb="7" eb="9">
      <t>カサン</t>
    </rPh>
    <rPh sb="17" eb="18">
      <t>カカ</t>
    </rPh>
    <rPh sb="19" eb="21">
      <t>トドケデ</t>
    </rPh>
    <rPh sb="21" eb="23">
      <t>ナイヨウ</t>
    </rPh>
    <phoneticPr fontId="2"/>
  </si>
  <si>
    <t>届出項目が「1 特定事業所加算(Ⅰ)」の場合は(1)を、「2 特定事業所加算(Ⅱ)」及び</t>
    <rPh sb="0" eb="2">
      <t>トドケデ</t>
    </rPh>
    <rPh sb="2" eb="4">
      <t>コウモク</t>
    </rPh>
    <rPh sb="8" eb="10">
      <t>トクテイ</t>
    </rPh>
    <rPh sb="10" eb="13">
      <t>ジギョウショ</t>
    </rPh>
    <rPh sb="13" eb="15">
      <t>カサン</t>
    </rPh>
    <rPh sb="20" eb="22">
      <t>バアイ</t>
    </rPh>
    <rPh sb="31" eb="33">
      <t>トクテイ</t>
    </rPh>
    <rPh sb="33" eb="36">
      <t>ジギョウショ</t>
    </rPh>
    <rPh sb="36" eb="38">
      <t>カサン</t>
    </rPh>
    <phoneticPr fontId="2"/>
  </si>
  <si>
    <t>「３特定事業所加算（Ⅲ）」の場合は（2）を記載すること。</t>
    <rPh sb="15" eb="16">
      <t>ア</t>
    </rPh>
    <rPh sb="21" eb="23">
      <t>キサイ</t>
    </rPh>
    <phoneticPr fontId="2"/>
  </si>
  <si>
    <t>(1)  　常勤かつ専従の主任介護支援専門員２名を配置している。</t>
    <rPh sb="6" eb="8">
      <t>ジョウキン</t>
    </rPh>
    <rPh sb="13" eb="15">
      <t>シュニン</t>
    </rPh>
    <rPh sb="15" eb="17">
      <t>カイゴ</t>
    </rPh>
    <rPh sb="17" eb="19">
      <t>シエン</t>
    </rPh>
    <rPh sb="19" eb="22">
      <t>センモンイン</t>
    </rPh>
    <rPh sb="25" eb="27">
      <t>ハイチ</t>
    </rPh>
    <phoneticPr fontId="2"/>
  </si>
  <si>
    <t>(2)  　常勤かつ専従の主任介護支援専門員を配置している。</t>
    <rPh sb="6" eb="8">
      <t>ジョウキン</t>
    </rPh>
    <rPh sb="13" eb="15">
      <t>シュニン</t>
    </rPh>
    <rPh sb="15" eb="17">
      <t>カイゴ</t>
    </rPh>
    <rPh sb="17" eb="19">
      <t>シエン</t>
    </rPh>
    <rPh sb="19" eb="22">
      <t>センモンイン</t>
    </rPh>
    <rPh sb="23" eb="25">
      <t>ハイチ</t>
    </rPh>
    <phoneticPr fontId="2"/>
  </si>
  <si>
    <t>(3)  　介護支援専門員の配置状況</t>
    <rPh sb="6" eb="8">
      <t>カイゴ</t>
    </rPh>
    <rPh sb="8" eb="10">
      <t>シエン</t>
    </rPh>
    <rPh sb="10" eb="13">
      <t>センモンイン</t>
    </rPh>
    <rPh sb="14" eb="16">
      <t>ハイチ</t>
    </rPh>
    <rPh sb="16" eb="18">
      <t>ジョウキョウ</t>
    </rPh>
    <phoneticPr fontId="2"/>
  </si>
  <si>
    <t xml:space="preserve"> </t>
    <phoneticPr fontId="2"/>
  </si>
  <si>
    <t>介護支援専門員</t>
    <rPh sb="0" eb="2">
      <t>カイゴ</t>
    </rPh>
    <rPh sb="2" eb="4">
      <t>シエン</t>
    </rPh>
    <rPh sb="4" eb="7">
      <t>センモンイン</t>
    </rPh>
    <phoneticPr fontId="2"/>
  </si>
  <si>
    <t>　常勤専従</t>
    <rPh sb="1" eb="3">
      <t>ジョウキン</t>
    </rPh>
    <rPh sb="3" eb="5">
      <t>センジュウ</t>
    </rPh>
    <phoneticPr fontId="2"/>
  </si>
  <si>
    <t>(4)  　利用者に関する情報又はサービス提供に当たっての留意事項に係る伝達等</t>
    <rPh sb="6" eb="9">
      <t>リヨウシャ</t>
    </rPh>
    <rPh sb="10" eb="11">
      <t>カン</t>
    </rPh>
    <rPh sb="13" eb="15">
      <t>ジョウホウ</t>
    </rPh>
    <rPh sb="15" eb="16">
      <t>マタ</t>
    </rPh>
    <rPh sb="21" eb="23">
      <t>テイキョウ</t>
    </rPh>
    <rPh sb="29" eb="31">
      <t>リュウイ</t>
    </rPh>
    <rPh sb="31" eb="33">
      <t>ジコウ</t>
    </rPh>
    <rPh sb="34" eb="35">
      <t>カカ</t>
    </rPh>
    <rPh sb="36" eb="38">
      <t>デンタツ</t>
    </rPh>
    <phoneticPr fontId="2"/>
  </si>
  <si>
    <t>・</t>
    <phoneticPr fontId="2"/>
  </si>
  <si>
    <t xml:space="preserve">         を目的とした会議を定期的に開催している。</t>
    <rPh sb="10" eb="12">
      <t>モクテキ</t>
    </rPh>
    <rPh sb="15" eb="17">
      <t>カイギ</t>
    </rPh>
    <rPh sb="18" eb="21">
      <t>テイキテキ</t>
    </rPh>
    <rPh sb="22" eb="24">
      <t>カイサイ</t>
    </rPh>
    <phoneticPr fontId="2"/>
  </si>
  <si>
    <t>(5)  　24時間常時連絡できる体制を整備している。</t>
    <phoneticPr fontId="2"/>
  </si>
  <si>
    <t xml:space="preserve">  </t>
    <phoneticPr fontId="2"/>
  </si>
  <si>
    <t>・</t>
    <phoneticPr fontId="2"/>
  </si>
  <si>
    <t>(6)  　利用者の総数のうち、要介護３、要介護４又は要介護５である者の占める</t>
    <rPh sb="6" eb="9">
      <t>リヨウシャ</t>
    </rPh>
    <rPh sb="10" eb="12">
      <t>ソウスウ</t>
    </rPh>
    <rPh sb="16" eb="19">
      <t>ヨウカイゴ</t>
    </rPh>
    <rPh sb="21" eb="24">
      <t>ヨウカイゴ</t>
    </rPh>
    <rPh sb="25" eb="26">
      <t>マタ</t>
    </rPh>
    <rPh sb="27" eb="30">
      <t>ヨウカイゴ</t>
    </rPh>
    <rPh sb="34" eb="35">
      <t>シャ</t>
    </rPh>
    <rPh sb="36" eb="37">
      <t>シ</t>
    </rPh>
    <phoneticPr fontId="2"/>
  </si>
  <si>
    <t>・</t>
    <phoneticPr fontId="2"/>
  </si>
  <si>
    <t>　      割合が４０％以上</t>
    <rPh sb="7" eb="9">
      <t>ワリアイ</t>
    </rPh>
    <rPh sb="13" eb="15">
      <t>イジョウ</t>
    </rPh>
    <phoneticPr fontId="2"/>
  </si>
  <si>
    <t>(7)　  介護支援専門員に対し、計画的に、研修を実施している。</t>
    <rPh sb="6" eb="8">
      <t>カイゴ</t>
    </rPh>
    <rPh sb="8" eb="10">
      <t>シエン</t>
    </rPh>
    <rPh sb="10" eb="13">
      <t>センモンイン</t>
    </rPh>
    <rPh sb="14" eb="15">
      <t>タイ</t>
    </rPh>
    <rPh sb="17" eb="20">
      <t>ケイカクテキ</t>
    </rPh>
    <rPh sb="22" eb="24">
      <t>ケンシュウ</t>
    </rPh>
    <rPh sb="25" eb="27">
      <t>ジッシ</t>
    </rPh>
    <phoneticPr fontId="2"/>
  </si>
  <si>
    <t>(8)  　地域包括支援センターからの支援困難ケースが紹介された場合に、当該</t>
    <rPh sb="6" eb="8">
      <t>チイキ</t>
    </rPh>
    <rPh sb="8" eb="10">
      <t>ホウカツ</t>
    </rPh>
    <rPh sb="10" eb="12">
      <t>シエン</t>
    </rPh>
    <rPh sb="19" eb="21">
      <t>シエン</t>
    </rPh>
    <rPh sb="21" eb="23">
      <t>コンナン</t>
    </rPh>
    <rPh sb="27" eb="29">
      <t>ショウカイ</t>
    </rPh>
    <rPh sb="32" eb="34">
      <t>バアイ</t>
    </rPh>
    <rPh sb="36" eb="38">
      <t>トウガイ</t>
    </rPh>
    <phoneticPr fontId="2"/>
  </si>
  <si>
    <t>・</t>
    <phoneticPr fontId="2"/>
  </si>
  <si>
    <t>　      ケースを受託する体制を整備している。</t>
    <rPh sb="11" eb="13">
      <t>ジュタク</t>
    </rPh>
    <rPh sb="15" eb="17">
      <t>タイセイ</t>
    </rPh>
    <rPh sb="18" eb="20">
      <t>セイビ</t>
    </rPh>
    <phoneticPr fontId="2"/>
  </si>
  <si>
    <t>(9)  　地域包括支援センター等が実施する事例検討会等に参加している。</t>
    <phoneticPr fontId="2"/>
  </si>
  <si>
    <t>(10)　運営基準減算又は特定事業所集中減算の適用していない</t>
    <rPh sb="5" eb="7">
      <t>ウンエイ</t>
    </rPh>
    <rPh sb="7" eb="9">
      <t>キジュン</t>
    </rPh>
    <rPh sb="9" eb="11">
      <t>ゲンサン</t>
    </rPh>
    <rPh sb="11" eb="12">
      <t>マタ</t>
    </rPh>
    <rPh sb="13" eb="15">
      <t>トクテイ</t>
    </rPh>
    <rPh sb="15" eb="18">
      <t>ジギョウショ</t>
    </rPh>
    <rPh sb="18" eb="20">
      <t>シュウチュウ</t>
    </rPh>
    <rPh sb="20" eb="22">
      <t>ゲンサン</t>
    </rPh>
    <rPh sb="23" eb="25">
      <t>テキヨウ</t>
    </rPh>
    <phoneticPr fontId="2"/>
  </si>
  <si>
    <t>・</t>
    <phoneticPr fontId="2"/>
  </si>
  <si>
    <t>(11)　介護支援専門員1人当たり（常勤換算方法による）の担当件数について</t>
    <rPh sb="5" eb="7">
      <t>カイゴ</t>
    </rPh>
    <rPh sb="7" eb="9">
      <t>シエン</t>
    </rPh>
    <rPh sb="9" eb="12">
      <t>センモンイン</t>
    </rPh>
    <rPh sb="13" eb="14">
      <t>ニン</t>
    </rPh>
    <rPh sb="14" eb="15">
      <t>ア</t>
    </rPh>
    <rPh sb="18" eb="20">
      <t>ジョウキン</t>
    </rPh>
    <rPh sb="20" eb="22">
      <t>カンサン</t>
    </rPh>
    <rPh sb="22" eb="24">
      <t>ホウホウ</t>
    </rPh>
    <rPh sb="29" eb="31">
      <t>タントウ</t>
    </rPh>
    <rPh sb="31" eb="33">
      <t>ケンスウ</t>
    </rPh>
    <phoneticPr fontId="2"/>
  </si>
  <si>
    <t>　①居宅介護支援費(Ⅰ)を算定している場合　40件以上の有無</t>
    <rPh sb="2" eb="4">
      <t>キョタク</t>
    </rPh>
    <rPh sb="4" eb="6">
      <t>カイゴ</t>
    </rPh>
    <rPh sb="6" eb="9">
      <t>シエンヒ</t>
    </rPh>
    <rPh sb="13" eb="15">
      <t>サンテイ</t>
    </rPh>
    <rPh sb="19" eb="21">
      <t>バアイ</t>
    </rPh>
    <rPh sb="24" eb="25">
      <t>ケン</t>
    </rPh>
    <rPh sb="25" eb="27">
      <t>イジョウ</t>
    </rPh>
    <rPh sb="28" eb="30">
      <t>ウム</t>
    </rPh>
    <phoneticPr fontId="2"/>
  </si>
  <si>
    <t>　②居宅介護支援費(Ⅱ)を算定している場合　45件以上の有無</t>
    <rPh sb="2" eb="4">
      <t>キョタク</t>
    </rPh>
    <rPh sb="4" eb="6">
      <t>カイゴ</t>
    </rPh>
    <rPh sb="6" eb="9">
      <t>シエンヒ</t>
    </rPh>
    <rPh sb="13" eb="15">
      <t>サンテイ</t>
    </rPh>
    <rPh sb="19" eb="21">
      <t>バアイ</t>
    </rPh>
    <rPh sb="24" eb="25">
      <t>ケン</t>
    </rPh>
    <rPh sb="25" eb="27">
      <t>イジョウ</t>
    </rPh>
    <rPh sb="28" eb="30">
      <t>ウム</t>
    </rPh>
    <phoneticPr fontId="2"/>
  </si>
  <si>
    <t>(12)　介護支援専門員実務研修における科目「ケアマネジメントの基礎技術に関</t>
    <phoneticPr fontId="2"/>
  </si>
  <si>
    <t>　　　する実習」等に協力又は協力体制の確保の有無</t>
    <phoneticPr fontId="2"/>
  </si>
  <si>
    <t>(13)　他の法人が運営する指定居宅介護支援事業者と共同で事例検討会、研修会</t>
    <rPh sb="5" eb="6">
      <t>タ</t>
    </rPh>
    <rPh sb="7" eb="9">
      <t>ホウジン</t>
    </rPh>
    <rPh sb="10" eb="12">
      <t>ウンエイ</t>
    </rPh>
    <rPh sb="14" eb="16">
      <t>シテイ</t>
    </rPh>
    <rPh sb="16" eb="18">
      <t>キョタク</t>
    </rPh>
    <rPh sb="18" eb="20">
      <t>カイゴ</t>
    </rPh>
    <rPh sb="20" eb="22">
      <t>シエン</t>
    </rPh>
    <rPh sb="22" eb="25">
      <t>ジギョウシャ</t>
    </rPh>
    <rPh sb="26" eb="28">
      <t>キョウドウ</t>
    </rPh>
    <rPh sb="29" eb="31">
      <t>ジレイ</t>
    </rPh>
    <rPh sb="31" eb="34">
      <t>ケントウカイ</t>
    </rPh>
    <rPh sb="35" eb="38">
      <t>ケンシュウカイ</t>
    </rPh>
    <phoneticPr fontId="2"/>
  </si>
  <si>
    <t>　　　等を実施している。</t>
    <phoneticPr fontId="2"/>
  </si>
  <si>
    <t>(14)　必要に応じて、多様な主体により提供される利用者の日常生活全般を</t>
    <rPh sb="5" eb="7">
      <t>ヒツヨウ</t>
    </rPh>
    <rPh sb="8" eb="9">
      <t>オウ</t>
    </rPh>
    <rPh sb="12" eb="14">
      <t>タヨウ</t>
    </rPh>
    <rPh sb="15" eb="17">
      <t>シュタイ</t>
    </rPh>
    <rPh sb="20" eb="22">
      <t>テイキョウ</t>
    </rPh>
    <rPh sb="25" eb="28">
      <t>リヨウシャ</t>
    </rPh>
    <rPh sb="29" eb="31">
      <t>ニチジョウ</t>
    </rPh>
    <rPh sb="31" eb="33">
      <t>セイカツ</t>
    </rPh>
    <rPh sb="33" eb="35">
      <t>ゼンパン</t>
    </rPh>
    <phoneticPr fontId="2"/>
  </si>
  <si>
    <t>　　　支援するサービスが包括的に提供されるような居宅サービス計画を</t>
    <rPh sb="3" eb="5">
      <t>シエン</t>
    </rPh>
    <rPh sb="12" eb="15">
      <t>ホウカツテキ</t>
    </rPh>
    <rPh sb="16" eb="18">
      <t>テイキョウ</t>
    </rPh>
    <rPh sb="24" eb="26">
      <t>キョタク</t>
    </rPh>
    <rPh sb="30" eb="32">
      <t>ケイカク</t>
    </rPh>
    <phoneticPr fontId="2"/>
  </si>
  <si>
    <t>　　　作成している</t>
    <rPh sb="3" eb="5">
      <t>サクセイ</t>
    </rPh>
    <phoneticPr fontId="2"/>
  </si>
  <si>
    <t>２．特定事業所医療介護連携加算に係る届出内容</t>
    <rPh sb="2" eb="4">
      <t>トクテイ</t>
    </rPh>
    <rPh sb="4" eb="7">
      <t>ジギョウショ</t>
    </rPh>
    <rPh sb="7" eb="9">
      <t>イリョウ</t>
    </rPh>
    <rPh sb="9" eb="11">
      <t>カイゴ</t>
    </rPh>
    <rPh sb="11" eb="13">
      <t>レンケイ</t>
    </rPh>
    <rPh sb="13" eb="15">
      <t>カサン</t>
    </rPh>
    <rPh sb="16" eb="17">
      <t>カカ</t>
    </rPh>
    <rPh sb="18" eb="20">
      <t>トドケデ</t>
    </rPh>
    <rPh sb="20" eb="22">
      <t>ナイヨウ</t>
    </rPh>
    <phoneticPr fontId="2"/>
  </si>
  <si>
    <t>(1) 　退院・退所加算の算定に係る病院又は診療所等との連携回数の合計が年間</t>
    <rPh sb="5" eb="7">
      <t>タイイン</t>
    </rPh>
    <rPh sb="8" eb="12">
      <t>タイショカサン</t>
    </rPh>
    <rPh sb="13" eb="15">
      <t>サンテイ</t>
    </rPh>
    <rPh sb="36" eb="38">
      <t>ネンカン</t>
    </rPh>
    <phoneticPr fontId="2"/>
  </si>
  <si>
    <t>　  　３５回以上である。</t>
    <phoneticPr fontId="2"/>
  </si>
  <si>
    <t>(2) 　ターミナルケアマネジメント加算を年間５回以上算定している。</t>
    <rPh sb="21" eb="23">
      <t>ネンカン</t>
    </rPh>
    <phoneticPr fontId="2"/>
  </si>
  <si>
    <t>(3) 　特定事業所加算(Ⅰ)、(Ⅱ)又は(Ⅲ)を算定している。</t>
    <rPh sb="5" eb="7">
      <t>トクテイ</t>
    </rPh>
    <rPh sb="7" eb="10">
      <t>ジギョウショ</t>
    </rPh>
    <rPh sb="10" eb="12">
      <t>カサン</t>
    </rPh>
    <rPh sb="19" eb="20">
      <t>マタ</t>
    </rPh>
    <rPh sb="25" eb="27">
      <t>サンテイ</t>
    </rPh>
    <phoneticPr fontId="2"/>
  </si>
  <si>
    <t>※　各要件を満たす場合については、それぞれ根拠となる（要件を満たすことがわかる）書類も</t>
    <rPh sb="2" eb="3">
      <t>カク</t>
    </rPh>
    <rPh sb="3" eb="5">
      <t>ヨウケン</t>
    </rPh>
    <rPh sb="6" eb="7">
      <t>ミ</t>
    </rPh>
    <rPh sb="9" eb="11">
      <t>バアイ</t>
    </rPh>
    <rPh sb="21" eb="23">
      <t>コンキョ</t>
    </rPh>
    <rPh sb="27" eb="29">
      <t>ヨウケン</t>
    </rPh>
    <rPh sb="30" eb="31">
      <t>ミ</t>
    </rPh>
    <rPh sb="40" eb="42">
      <t>ショルイ</t>
    </rPh>
    <phoneticPr fontId="2"/>
  </si>
  <si>
    <t>　提出してください。</t>
    <rPh sb="1" eb="3">
      <t>テイシュツ</t>
    </rPh>
    <phoneticPr fontId="2"/>
  </si>
  <si>
    <t>※　(10)：適用していない場合は「有」にチェックを入れて下さい</t>
    <rPh sb="7" eb="9">
      <t>テキヨウ</t>
    </rPh>
    <rPh sb="14" eb="16">
      <t>バアイ</t>
    </rPh>
    <rPh sb="18" eb="19">
      <t>ア</t>
    </rPh>
    <rPh sb="26" eb="27">
      <t>イ</t>
    </rPh>
    <rPh sb="29" eb="30">
      <t>クダ</t>
    </rPh>
    <phoneticPr fontId="2"/>
  </si>
  <si>
    <t>３．ターミナルケアマネジメント加算に係る届出内容</t>
    <rPh sb="15" eb="17">
      <t>カサン</t>
    </rPh>
    <rPh sb="18" eb="19">
      <t>カカ</t>
    </rPh>
    <rPh sb="20" eb="22">
      <t>トドケデ</t>
    </rPh>
    <rPh sb="22" eb="24">
      <t>ナイヨウ</t>
    </rPh>
    <phoneticPr fontId="2"/>
  </si>
  <si>
    <t>(1) 　ターミナルケアマネジメントを受けることに同意した利用者について、24</t>
    <rPh sb="19" eb="20">
      <t>ウ</t>
    </rPh>
    <rPh sb="25" eb="27">
      <t>ドウイ</t>
    </rPh>
    <rPh sb="29" eb="32">
      <t>リヨウシャ</t>
    </rPh>
    <phoneticPr fontId="2"/>
  </si>
  <si>
    <t>　     時間連絡できる体制を確保しており、かつ、必要に応じて指定居宅介護支援</t>
    <phoneticPr fontId="2"/>
  </si>
  <si>
    <t xml:space="preserve">     　を行うことができる体制を整備している。</t>
    <phoneticPr fontId="2"/>
  </si>
  <si>
    <t>（別紙10－４）</t>
    <phoneticPr fontId="2"/>
  </si>
  <si>
    <t>特定事業所加算(A)に係る届出書（居宅介護支援事業所）</t>
    <rPh sb="0" eb="2">
      <t>トクテイ</t>
    </rPh>
    <rPh sb="2" eb="5">
      <t>ジギョウショ</t>
    </rPh>
    <rPh sb="5" eb="7">
      <t>カサン</t>
    </rPh>
    <rPh sb="11" eb="12">
      <t>カカ</t>
    </rPh>
    <rPh sb="13" eb="16">
      <t>トドケデショ</t>
    </rPh>
    <rPh sb="17" eb="19">
      <t>キョタク</t>
    </rPh>
    <rPh sb="19" eb="21">
      <t>カイゴ</t>
    </rPh>
    <rPh sb="21" eb="23">
      <t>シエン</t>
    </rPh>
    <rPh sb="23" eb="26">
      <t>ジギョウショ</t>
    </rPh>
    <phoneticPr fontId="2"/>
  </si>
  <si>
    <t>事　  業 　 所　  名</t>
    <phoneticPr fontId="2"/>
  </si>
  <si>
    <t>連 携 先 事 業 所 名</t>
    <rPh sb="0" eb="1">
      <t>レン</t>
    </rPh>
    <rPh sb="2" eb="3">
      <t>ケイ</t>
    </rPh>
    <rPh sb="4" eb="5">
      <t>サキ</t>
    </rPh>
    <rPh sb="6" eb="7">
      <t>コト</t>
    </rPh>
    <rPh sb="8" eb="9">
      <t>ゴウ</t>
    </rPh>
    <rPh sb="10" eb="11">
      <t>ショ</t>
    </rPh>
    <rPh sb="12" eb="13">
      <t>メイ</t>
    </rPh>
    <phoneticPr fontId="2"/>
  </si>
  <si>
    <t>異　動　等　区　分</t>
    <phoneticPr fontId="2"/>
  </si>
  <si>
    <t>1　新規</t>
    <phoneticPr fontId="2"/>
  </si>
  <si>
    <t>2　変更</t>
    <phoneticPr fontId="2"/>
  </si>
  <si>
    <t>3　終了</t>
    <phoneticPr fontId="2"/>
  </si>
  <si>
    <t xml:space="preserve"> 特定事業所加算(A)に係る届出内容</t>
    <rPh sb="1" eb="3">
      <t>トクテイ</t>
    </rPh>
    <rPh sb="3" eb="6">
      <t>ジギョウショ</t>
    </rPh>
    <rPh sb="6" eb="8">
      <t>カサン</t>
    </rPh>
    <rPh sb="12" eb="13">
      <t>カカ</t>
    </rPh>
    <rPh sb="14" eb="16">
      <t>トドケデ</t>
    </rPh>
    <rPh sb="16" eb="18">
      <t>ナイヨウ</t>
    </rPh>
    <phoneticPr fontId="2"/>
  </si>
  <si>
    <t>(1)  　常勤かつ専従の主任介護支援専門員を配置している。</t>
    <rPh sb="6" eb="8">
      <t>ジョウキン</t>
    </rPh>
    <rPh sb="13" eb="15">
      <t>シュニン</t>
    </rPh>
    <rPh sb="15" eb="17">
      <t>カイゴ</t>
    </rPh>
    <rPh sb="17" eb="19">
      <t>シエン</t>
    </rPh>
    <rPh sb="19" eb="22">
      <t>センモンイン</t>
    </rPh>
    <rPh sb="23" eb="25">
      <t>ハイチ</t>
    </rPh>
    <phoneticPr fontId="2"/>
  </si>
  <si>
    <t>(2)  　介護支援専門員の配置状況</t>
    <phoneticPr fontId="2"/>
  </si>
  <si>
    <t xml:space="preserve"> </t>
    <phoneticPr fontId="2"/>
  </si>
  <si>
    <t xml:space="preserve"> </t>
    <phoneticPr fontId="2"/>
  </si>
  <si>
    <t>　非常勤</t>
    <rPh sb="1" eb="4">
      <t>ヒジョウキン</t>
    </rPh>
    <phoneticPr fontId="2"/>
  </si>
  <si>
    <t>(3)  　利用者に関する情報又はサービス提供に当たっての留意事項に係る</t>
    <rPh sb="6" eb="9">
      <t>リヨウシャ</t>
    </rPh>
    <rPh sb="10" eb="11">
      <t>カン</t>
    </rPh>
    <rPh sb="13" eb="15">
      <t>ジョウホウ</t>
    </rPh>
    <rPh sb="15" eb="16">
      <t>マタ</t>
    </rPh>
    <rPh sb="21" eb="23">
      <t>テイキョウ</t>
    </rPh>
    <rPh sb="29" eb="31">
      <t>リュウイ</t>
    </rPh>
    <rPh sb="31" eb="33">
      <t>ジコウ</t>
    </rPh>
    <rPh sb="34" eb="35">
      <t>カカ</t>
    </rPh>
    <phoneticPr fontId="2"/>
  </si>
  <si>
    <t xml:space="preserve">         伝達等を目的とした会議を定期的に開催している。</t>
    <rPh sb="9" eb="11">
      <t>デンタツ</t>
    </rPh>
    <rPh sb="11" eb="12">
      <t>トウ</t>
    </rPh>
    <rPh sb="13" eb="15">
      <t>モクテキ</t>
    </rPh>
    <rPh sb="18" eb="20">
      <t>カイギ</t>
    </rPh>
    <rPh sb="21" eb="24">
      <t>テイキテキ</t>
    </rPh>
    <rPh sb="25" eb="27">
      <t>カイサイ</t>
    </rPh>
    <phoneticPr fontId="2"/>
  </si>
  <si>
    <t>(4)  　24時間常時連絡できる体制を整備している。（連携可）</t>
    <rPh sb="28" eb="30">
      <t>レンケイ</t>
    </rPh>
    <rPh sb="30" eb="31">
      <t>カ</t>
    </rPh>
    <phoneticPr fontId="2"/>
  </si>
  <si>
    <t xml:space="preserve">  </t>
    <phoneticPr fontId="2"/>
  </si>
  <si>
    <t>(5)　  介護支援専門員に対し、計画的に、研修を実施している。（連携可）</t>
    <rPh sb="6" eb="8">
      <t>カイゴ</t>
    </rPh>
    <rPh sb="8" eb="10">
      <t>シエン</t>
    </rPh>
    <rPh sb="10" eb="13">
      <t>センモンイン</t>
    </rPh>
    <rPh sb="14" eb="15">
      <t>タイ</t>
    </rPh>
    <rPh sb="17" eb="20">
      <t>ケイカクテキ</t>
    </rPh>
    <rPh sb="22" eb="24">
      <t>ケンシュウ</t>
    </rPh>
    <rPh sb="25" eb="27">
      <t>ジッシ</t>
    </rPh>
    <phoneticPr fontId="2"/>
  </si>
  <si>
    <t>(6)  　地域包括支援センターからの支援困難ケースが紹介された場合に、</t>
    <rPh sb="6" eb="8">
      <t>チイキ</t>
    </rPh>
    <rPh sb="8" eb="10">
      <t>ホウカツ</t>
    </rPh>
    <rPh sb="10" eb="12">
      <t>シエン</t>
    </rPh>
    <rPh sb="19" eb="21">
      <t>シエン</t>
    </rPh>
    <rPh sb="21" eb="23">
      <t>コンナン</t>
    </rPh>
    <rPh sb="27" eb="29">
      <t>ショウカイ</t>
    </rPh>
    <rPh sb="32" eb="34">
      <t>バアイ</t>
    </rPh>
    <phoneticPr fontId="2"/>
  </si>
  <si>
    <t>　      当該ケースを受託する体制を整備している。</t>
    <rPh sb="7" eb="9">
      <t>トウガイ</t>
    </rPh>
    <rPh sb="13" eb="15">
      <t>ジュタク</t>
    </rPh>
    <rPh sb="17" eb="19">
      <t>タイセイ</t>
    </rPh>
    <rPh sb="20" eb="22">
      <t>セイビ</t>
    </rPh>
    <phoneticPr fontId="2"/>
  </si>
  <si>
    <t>(7)  　地域包括支援センター等が実施する事例検討会等に参加している。</t>
    <phoneticPr fontId="2"/>
  </si>
  <si>
    <t>(8)  　運営基準減算又は特定事業所集中減算の適用していない</t>
    <rPh sb="6" eb="8">
      <t>ウンエイ</t>
    </rPh>
    <rPh sb="8" eb="10">
      <t>キジュン</t>
    </rPh>
    <rPh sb="10" eb="12">
      <t>ゲンサン</t>
    </rPh>
    <rPh sb="12" eb="13">
      <t>マタ</t>
    </rPh>
    <rPh sb="14" eb="16">
      <t>トクテイ</t>
    </rPh>
    <rPh sb="16" eb="19">
      <t>ジギョウショ</t>
    </rPh>
    <rPh sb="19" eb="21">
      <t>シュウチュウ</t>
    </rPh>
    <rPh sb="21" eb="23">
      <t>ゲンサン</t>
    </rPh>
    <rPh sb="24" eb="26">
      <t>テキヨウ</t>
    </rPh>
    <phoneticPr fontId="2"/>
  </si>
  <si>
    <t>(9)  　介護支援専門員1人当たり（常勤換算方法による）の担当件数について</t>
    <rPh sb="6" eb="8">
      <t>カイゴ</t>
    </rPh>
    <rPh sb="8" eb="10">
      <t>シエン</t>
    </rPh>
    <rPh sb="10" eb="13">
      <t>センモンイン</t>
    </rPh>
    <rPh sb="14" eb="15">
      <t>ニン</t>
    </rPh>
    <rPh sb="15" eb="16">
      <t>ア</t>
    </rPh>
    <rPh sb="19" eb="21">
      <t>ジョウキン</t>
    </rPh>
    <rPh sb="21" eb="23">
      <t>カンサン</t>
    </rPh>
    <rPh sb="23" eb="25">
      <t>ホウホウ</t>
    </rPh>
    <rPh sb="30" eb="32">
      <t>タントウ</t>
    </rPh>
    <rPh sb="32" eb="34">
      <t>ケンスウ</t>
    </rPh>
    <phoneticPr fontId="2"/>
  </si>
  <si>
    <t>(10)　介護支援専門員実務研修における科目「ケアマネジメントの</t>
    <phoneticPr fontId="2"/>
  </si>
  <si>
    <t>　　　基礎技術に関する実習」等に協力又は協力体制の確保の有無（連携可）</t>
    <phoneticPr fontId="2"/>
  </si>
  <si>
    <t>(11)　他の法人が運営する指定居宅介護支援事業者と共同で</t>
    <rPh sb="5" eb="6">
      <t>タ</t>
    </rPh>
    <rPh sb="7" eb="9">
      <t>ホウジン</t>
    </rPh>
    <rPh sb="10" eb="12">
      <t>ウンエイ</t>
    </rPh>
    <rPh sb="14" eb="16">
      <t>シテイ</t>
    </rPh>
    <rPh sb="16" eb="18">
      <t>キョタク</t>
    </rPh>
    <rPh sb="18" eb="20">
      <t>カイゴ</t>
    </rPh>
    <rPh sb="20" eb="22">
      <t>シエン</t>
    </rPh>
    <rPh sb="22" eb="25">
      <t>ジギョウシャ</t>
    </rPh>
    <rPh sb="26" eb="28">
      <t>キョウドウ</t>
    </rPh>
    <phoneticPr fontId="2"/>
  </si>
  <si>
    <t>　　　事例検討会、研修会等を実施している。（連携可）</t>
    <phoneticPr fontId="2"/>
  </si>
  <si>
    <t>(12)　必要に応じて、多様な主体により提供される利用者の日常生活全般を</t>
    <rPh sb="5" eb="7">
      <t>ヒツヨウ</t>
    </rPh>
    <rPh sb="8" eb="9">
      <t>オウ</t>
    </rPh>
    <rPh sb="12" eb="14">
      <t>タヨウ</t>
    </rPh>
    <rPh sb="15" eb="17">
      <t>シュタイ</t>
    </rPh>
    <rPh sb="20" eb="22">
      <t>テイキョウ</t>
    </rPh>
    <rPh sb="25" eb="28">
      <t>リヨウシャ</t>
    </rPh>
    <rPh sb="29" eb="31">
      <t>ニチジョウ</t>
    </rPh>
    <rPh sb="31" eb="33">
      <t>セイカツ</t>
    </rPh>
    <rPh sb="33" eb="35">
      <t>ゼンパン</t>
    </rPh>
    <phoneticPr fontId="2"/>
  </si>
  <si>
    <t>※　(８)：適用していない場合は「有」にチェックを入れて下さい</t>
    <rPh sb="6" eb="8">
      <t>テキヨウ</t>
    </rPh>
    <rPh sb="13" eb="15">
      <t>バアイ</t>
    </rPh>
    <rPh sb="17" eb="18">
      <t>ア</t>
    </rPh>
    <rPh sb="25" eb="26">
      <t>イ</t>
    </rPh>
    <rPh sb="28" eb="29">
      <t>クダ</t>
    </rPh>
    <phoneticPr fontId="2"/>
  </si>
  <si>
    <t>（別紙10－５）</t>
    <phoneticPr fontId="2"/>
  </si>
  <si>
    <t>情報通信機器等の活用等の体制に係る届出書</t>
    <rPh sb="0" eb="4">
      <t>ジョウホウツウシン</t>
    </rPh>
    <rPh sb="4" eb="6">
      <t>キキ</t>
    </rPh>
    <rPh sb="6" eb="7">
      <t>トウ</t>
    </rPh>
    <rPh sb="8" eb="10">
      <t>カツヨウ</t>
    </rPh>
    <rPh sb="10" eb="11">
      <t>トウ</t>
    </rPh>
    <rPh sb="12" eb="14">
      <t>タイセイ</t>
    </rPh>
    <rPh sb="15" eb="16">
      <t>カカ</t>
    </rPh>
    <rPh sb="17" eb="20">
      <t>トドケデショ</t>
    </rPh>
    <phoneticPr fontId="2"/>
  </si>
  <si>
    <t>事 業 所 名</t>
    <phoneticPr fontId="2"/>
  </si>
  <si>
    <t>異動等区分</t>
  </si>
  <si>
    <t>1　新規</t>
    <phoneticPr fontId="2"/>
  </si>
  <si>
    <t>2　変更</t>
    <phoneticPr fontId="2"/>
  </si>
  <si>
    <t>3　終了</t>
    <phoneticPr fontId="2"/>
  </si>
  <si>
    <t xml:space="preserve">  １．情報通信機器（AI含む）の活用</t>
    <rPh sb="4" eb="8">
      <t>ジョウホウツウシン</t>
    </rPh>
    <rPh sb="8" eb="10">
      <t>キキ</t>
    </rPh>
    <rPh sb="13" eb="14">
      <t>フク</t>
    </rPh>
    <rPh sb="17" eb="19">
      <t>カツヨウ</t>
    </rPh>
    <phoneticPr fontId="2"/>
  </si>
  <si>
    <t>(１) 活用の有無</t>
    <rPh sb="4" eb="6">
      <t>カツヨウ</t>
    </rPh>
    <rPh sb="7" eb="9">
      <t>ウム</t>
    </rPh>
    <phoneticPr fontId="2"/>
  </si>
  <si>
    <t>(２) 具体的な活用方法・製品名</t>
    <rPh sb="4" eb="7">
      <t>グタイテキ</t>
    </rPh>
    <rPh sb="8" eb="10">
      <t>カツヨウ</t>
    </rPh>
    <rPh sb="10" eb="12">
      <t>ホウホウ</t>
    </rPh>
    <rPh sb="13" eb="16">
      <t>セイヒンメイ</t>
    </rPh>
    <phoneticPr fontId="2"/>
  </si>
  <si>
    <t>(３) 業務負担の軽減や効率化できる具体的な業務内容</t>
    <rPh sb="12" eb="15">
      <t>コウリツカ</t>
    </rPh>
    <rPh sb="18" eb="21">
      <t>グタイテキ</t>
    </rPh>
    <rPh sb="22" eb="24">
      <t>ギョウム</t>
    </rPh>
    <rPh sb="24" eb="26">
      <t>ナイヨウ</t>
    </rPh>
    <phoneticPr fontId="2"/>
  </si>
  <si>
    <t xml:space="preserve">  ２．事務職員の配置</t>
    <rPh sb="4" eb="6">
      <t>ジム</t>
    </rPh>
    <rPh sb="6" eb="8">
      <t>ショクイン</t>
    </rPh>
    <rPh sb="9" eb="11">
      <t>ハイチ</t>
    </rPh>
    <phoneticPr fontId="2"/>
  </si>
  <si>
    <t>(１) 配置の有無</t>
    <rPh sb="4" eb="6">
      <t>ハイチ</t>
    </rPh>
    <rPh sb="7" eb="9">
      <t>ウム</t>
    </rPh>
    <phoneticPr fontId="2"/>
  </si>
  <si>
    <t>(２) 介護支援専門員の配置状況</t>
    <rPh sb="4" eb="6">
      <t>カイゴ</t>
    </rPh>
    <rPh sb="6" eb="8">
      <t>シエン</t>
    </rPh>
    <rPh sb="8" eb="11">
      <t>センモンイン</t>
    </rPh>
    <rPh sb="12" eb="14">
      <t>ハイチ</t>
    </rPh>
    <rPh sb="14" eb="16">
      <t>ジョウキョウ</t>
    </rPh>
    <phoneticPr fontId="2"/>
  </si>
  <si>
    <t>常勤換算</t>
    <rPh sb="0" eb="2">
      <t>ジョウキン</t>
    </rPh>
    <rPh sb="2" eb="4">
      <t>カンザン</t>
    </rPh>
    <phoneticPr fontId="2"/>
  </si>
  <si>
    <t>(３) 配置状況</t>
    <rPh sb="4" eb="6">
      <t>ハイチ</t>
    </rPh>
    <rPh sb="6" eb="8">
      <t>ジョウキョウ</t>
    </rPh>
    <phoneticPr fontId="2"/>
  </si>
  <si>
    <t>①</t>
    <phoneticPr fontId="2"/>
  </si>
  <si>
    <t>②　１月あたりの勤務時間数</t>
    <rPh sb="3" eb="4">
      <t>ツキ</t>
    </rPh>
    <rPh sb="8" eb="10">
      <t>キンム</t>
    </rPh>
    <rPh sb="10" eb="13">
      <t>ジカンスウ</t>
    </rPh>
    <phoneticPr fontId="2"/>
  </si>
  <si>
    <t>時間/月</t>
    <rPh sb="0" eb="2">
      <t>ジカン</t>
    </rPh>
    <rPh sb="3" eb="4">
      <t>ツキ</t>
    </rPh>
    <phoneticPr fontId="2"/>
  </si>
  <si>
    <t>(４) 業務負担の軽減や効率化できる具体的な業務内容</t>
    <rPh sb="12" eb="15">
      <t>コウリツカ</t>
    </rPh>
    <rPh sb="18" eb="21">
      <t>グタイテキ</t>
    </rPh>
    <rPh sb="22" eb="24">
      <t>ギョウム</t>
    </rPh>
    <rPh sb="24" eb="26">
      <t>ナイヨウ</t>
    </rPh>
    <phoneticPr fontId="2"/>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
２　居宅介護支援のうち、「特定事業所加算」の加算Ⅰ、加算Ⅱ、加算Ⅲ、「特定事業所医療介護連携加算」及び「ターミナルケアマネジメント加算」については、「特定事業所加算(Ⅰ)～(Ⅲ)・特定事業所医療介護連携加算・ターミナルケアマネジメント加算に係る届出書（居宅介護支援事業所）」（別紙10－３）を、
　　「特定事業所加算（A）」については、「特定事業所加算(A)に係る届出書（居宅介護支援事業所）」（別紙10－４）を添付してください。
　　また、「情報通信機器等の活用等の体制」については、「情報通信機器等の活用等の体制に係る届出書」（別紙10－５）を添付してください。</t>
    <rPh sb="99" eb="101">
      <t>トウロク</t>
    </rPh>
    <rPh sb="101" eb="102">
      <t>ラン</t>
    </rPh>
    <rPh sb="130" eb="131">
      <t>ヨコ</t>
    </rPh>
    <phoneticPr fontId="2"/>
  </si>
  <si>
    <t>介護給付費算定に係る体制等に関する届出書</t>
    <rPh sb="17" eb="20">
      <t>トドケデショ</t>
    </rPh>
    <phoneticPr fontId="2"/>
  </si>
  <si>
    <t>（あて先）　京田辺市長</t>
    <rPh sb="3" eb="4">
      <t>サキ</t>
    </rPh>
    <rPh sb="6" eb="9">
      <t>キョウタナベ</t>
    </rPh>
    <rPh sb="9" eb="11">
      <t>シチョウ</t>
    </rPh>
    <phoneticPr fontId="2"/>
  </si>
  <si>
    <t>所在地</t>
    <rPh sb="0" eb="3">
      <t>ショザイチ</t>
    </rPh>
    <phoneticPr fontId="2"/>
  </si>
  <si>
    <t>名称</t>
    <rPh sb="0" eb="2">
      <t>メイショウ</t>
    </rPh>
    <phoneticPr fontId="2"/>
  </si>
  <si>
    <t>代表者名</t>
    <rPh sb="0" eb="3">
      <t>ダイヒョウシャ</t>
    </rPh>
    <rPh sb="3" eb="4">
      <t>メイ</t>
    </rPh>
    <phoneticPr fontId="2"/>
  </si>
  <si>
    <t>このことについて、関係書類を添えて以下のとおり届け出ます。</t>
    <rPh sb="9" eb="11">
      <t>カンケイ</t>
    </rPh>
    <rPh sb="11" eb="13">
      <t>ショルイ</t>
    </rPh>
    <rPh sb="14" eb="15">
      <t>ソ</t>
    </rPh>
    <rPh sb="17" eb="19">
      <t>イカ</t>
    </rPh>
    <rPh sb="23" eb="24">
      <t>トド</t>
    </rPh>
    <rPh sb="25" eb="26">
      <t>デ</t>
    </rPh>
    <phoneticPr fontId="2"/>
  </si>
  <si>
    <t>京 田 辺 市 介 護 給 付 費 算 定 に 係 る 体 制 等 状 況 一 覧 表（居宅介護支援）</t>
    <rPh sb="0" eb="1">
      <t>キョウ</t>
    </rPh>
    <rPh sb="2" eb="3">
      <t>タ</t>
    </rPh>
    <rPh sb="4" eb="5">
      <t>ヘン</t>
    </rPh>
    <rPh sb="6" eb="7">
      <t>シ</t>
    </rPh>
    <rPh sb="8" eb="9">
      <t>スケ</t>
    </rPh>
    <rPh sb="44" eb="46">
      <t>キョタク</t>
    </rPh>
    <rPh sb="46" eb="48">
      <t>カイゴ</t>
    </rPh>
    <rPh sb="48" eb="50">
      <t>シエン</t>
    </rPh>
    <phoneticPr fontId="2"/>
  </si>
  <si>
    <t>（参考様式10）</t>
    <rPh sb="1" eb="3">
      <t>サンコウ</t>
    </rPh>
    <rPh sb="3" eb="5">
      <t>ヨウシキ</t>
    </rPh>
    <phoneticPr fontId="2"/>
  </si>
  <si>
    <t>居宅介護支援における特定事業所加算に係る基準の遵守状況に関する記録（保存用）</t>
    <rPh sb="0" eb="2">
      <t>キョタク</t>
    </rPh>
    <rPh sb="2" eb="4">
      <t>カイゴ</t>
    </rPh>
    <rPh sb="4" eb="6">
      <t>シエン</t>
    </rPh>
    <rPh sb="10" eb="12">
      <t>トクテイ</t>
    </rPh>
    <rPh sb="12" eb="15">
      <t>ジギョウショ</t>
    </rPh>
    <rPh sb="15" eb="17">
      <t>カサン</t>
    </rPh>
    <rPh sb="18" eb="19">
      <t>カカ</t>
    </rPh>
    <rPh sb="20" eb="22">
      <t>キジュン</t>
    </rPh>
    <rPh sb="23" eb="25">
      <t>ジュンシュ</t>
    </rPh>
    <rPh sb="25" eb="27">
      <t>ジョウキョウ</t>
    </rPh>
    <rPh sb="28" eb="29">
      <t>カン</t>
    </rPh>
    <rPh sb="31" eb="33">
      <t>キロク</t>
    </rPh>
    <rPh sb="34" eb="37">
      <t>ホゾンヨウ</t>
    </rPh>
    <phoneticPr fontId="2"/>
  </si>
  <si>
    <t>　　　　　　年　　　　月サービス提供分</t>
    <rPh sb="6" eb="7">
      <t>ネン</t>
    </rPh>
    <rPh sb="11" eb="12">
      <t>ガツ</t>
    </rPh>
    <rPh sb="16" eb="19">
      <t>テイキョウブン</t>
    </rPh>
    <phoneticPr fontId="2"/>
  </si>
  <si>
    <t>区　　分</t>
    <rPh sb="0" eb="1">
      <t>ク</t>
    </rPh>
    <rPh sb="3" eb="4">
      <t>ブン</t>
    </rPh>
    <phoneticPr fontId="2"/>
  </si>
  <si>
    <t>１　新規　　　　２　継続　　　　３　廃止</t>
    <rPh sb="2" eb="4">
      <t>シンキ</t>
    </rPh>
    <rPh sb="10" eb="12">
      <t>ケイゾク</t>
    </rPh>
    <rPh sb="18" eb="20">
      <t>ハイシ</t>
    </rPh>
    <phoneticPr fontId="2"/>
  </si>
  <si>
    <t>１　主任介護支援専門員の状況　イ（１）・ロ（２）・ハ（２）・ニ（２）関係　</t>
    <rPh sb="2" eb="4">
      <t>シュニン</t>
    </rPh>
    <rPh sb="4" eb="6">
      <t>カイゴ</t>
    </rPh>
    <rPh sb="6" eb="8">
      <t>シエン</t>
    </rPh>
    <rPh sb="8" eb="11">
      <t>センモンイン</t>
    </rPh>
    <rPh sb="12" eb="14">
      <t>ジョウキョウ</t>
    </rPh>
    <rPh sb="34" eb="36">
      <t>カンケイ</t>
    </rPh>
    <phoneticPr fontId="2"/>
  </si>
  <si>
    <t>【加算Ⅰ・Ⅱ・Ⅲ・Ａ】</t>
    <rPh sb="1" eb="3">
      <t>カサン</t>
    </rPh>
    <phoneticPr fontId="2"/>
  </si>
  <si>
    <t>①主任介護支援専門員氏名</t>
    <rPh sb="1" eb="3">
      <t>シュニン</t>
    </rPh>
    <rPh sb="3" eb="5">
      <t>カイゴ</t>
    </rPh>
    <rPh sb="5" eb="7">
      <t>シエン</t>
    </rPh>
    <rPh sb="7" eb="9">
      <t>センモン</t>
    </rPh>
    <rPh sb="9" eb="10">
      <t>イン</t>
    </rPh>
    <rPh sb="10" eb="12">
      <t>シメイ</t>
    </rPh>
    <phoneticPr fontId="2"/>
  </si>
  <si>
    <t>①主任介護支援専門員研修
修了年月日</t>
    <rPh sb="1" eb="3">
      <t>シュニン</t>
    </rPh>
    <rPh sb="3" eb="5">
      <t>カイゴ</t>
    </rPh>
    <rPh sb="5" eb="7">
      <t>シエン</t>
    </rPh>
    <rPh sb="7" eb="9">
      <t>センモン</t>
    </rPh>
    <rPh sb="9" eb="10">
      <t>イン</t>
    </rPh>
    <rPh sb="10" eb="12">
      <t>ケンシュウ</t>
    </rPh>
    <rPh sb="13" eb="15">
      <t>シュウリョウ</t>
    </rPh>
    <rPh sb="15" eb="18">
      <t>ネンガッピ</t>
    </rPh>
    <phoneticPr fontId="2"/>
  </si>
  <si>
    <t>　　　　　　年　　　　月　　　　日</t>
    <rPh sb="6" eb="7">
      <t>ネン</t>
    </rPh>
    <rPh sb="11" eb="12">
      <t>ガツ</t>
    </rPh>
    <rPh sb="16" eb="17">
      <t>ニチ</t>
    </rPh>
    <phoneticPr fontId="2"/>
  </si>
  <si>
    <t>②主任介護支援専門員氏名</t>
    <rPh sb="1" eb="3">
      <t>シュニン</t>
    </rPh>
    <rPh sb="3" eb="5">
      <t>カイゴ</t>
    </rPh>
    <rPh sb="5" eb="7">
      <t>シエン</t>
    </rPh>
    <rPh sb="7" eb="9">
      <t>センモン</t>
    </rPh>
    <rPh sb="9" eb="10">
      <t>イン</t>
    </rPh>
    <rPh sb="10" eb="12">
      <t>シメイ</t>
    </rPh>
    <phoneticPr fontId="2"/>
  </si>
  <si>
    <t>　←　加算Ⅰの場合のみ２名必要</t>
    <rPh sb="3" eb="5">
      <t>カサン</t>
    </rPh>
    <rPh sb="7" eb="9">
      <t>バアイ</t>
    </rPh>
    <rPh sb="12" eb="13">
      <t>メイ</t>
    </rPh>
    <rPh sb="13" eb="15">
      <t>ヒツヨウ</t>
    </rPh>
    <phoneticPr fontId="2"/>
  </si>
  <si>
    <t>②主任介護支援専門員研修
修了年月日</t>
    <rPh sb="1" eb="3">
      <t>シュニン</t>
    </rPh>
    <rPh sb="3" eb="5">
      <t>カイゴ</t>
    </rPh>
    <rPh sb="5" eb="7">
      <t>シエン</t>
    </rPh>
    <rPh sb="7" eb="9">
      <t>センモン</t>
    </rPh>
    <rPh sb="9" eb="10">
      <t>イン</t>
    </rPh>
    <rPh sb="10" eb="12">
      <t>ケンシュウ</t>
    </rPh>
    <rPh sb="13" eb="15">
      <t>シュウリョウ</t>
    </rPh>
    <rPh sb="15" eb="18">
      <t>ネンガッピ</t>
    </rPh>
    <phoneticPr fontId="2"/>
  </si>
  <si>
    <t>　　　加算Ⅱ・Ⅲ・Ａの場合、２人目は記入不要</t>
    <rPh sb="3" eb="5">
      <t>カサン</t>
    </rPh>
    <rPh sb="11" eb="13">
      <t>バアイ</t>
    </rPh>
    <rPh sb="15" eb="16">
      <t>ニン</t>
    </rPh>
    <rPh sb="16" eb="17">
      <t>メ</t>
    </rPh>
    <rPh sb="18" eb="20">
      <t>キニュウ</t>
    </rPh>
    <rPh sb="20" eb="22">
      <t>フヨウ</t>
    </rPh>
    <phoneticPr fontId="2"/>
  </si>
  <si>
    <t>２　介護支援専門員の状況　イ(２)・ハ（３）・ニ（３）関係</t>
    <rPh sb="2" eb="4">
      <t>カイゴ</t>
    </rPh>
    <rPh sb="4" eb="6">
      <t>シエン</t>
    </rPh>
    <rPh sb="6" eb="9">
      <t>センモンイン</t>
    </rPh>
    <rPh sb="10" eb="12">
      <t>ジョウキョウ</t>
    </rPh>
    <rPh sb="27" eb="29">
      <t>カンケイ</t>
    </rPh>
    <phoneticPr fontId="2"/>
  </si>
  <si>
    <t>介護支援
専門員数</t>
    <rPh sb="0" eb="2">
      <t>カイゴ</t>
    </rPh>
    <rPh sb="2" eb="4">
      <t>シエン</t>
    </rPh>
    <rPh sb="5" eb="8">
      <t>センモンイン</t>
    </rPh>
    <rPh sb="8" eb="9">
      <t>スウ</t>
    </rPh>
    <phoneticPr fontId="2"/>
  </si>
  <si>
    <t>内　訳</t>
    <rPh sb="0" eb="1">
      <t>ウチ</t>
    </rPh>
    <rPh sb="2" eb="3">
      <t>ヤク</t>
    </rPh>
    <phoneticPr fontId="2"/>
  </si>
  <si>
    <t>常　勤</t>
    <rPh sb="0" eb="1">
      <t>ツネ</t>
    </rPh>
    <rPh sb="2" eb="3">
      <t>ツトム</t>
    </rPh>
    <phoneticPr fontId="2"/>
  </si>
  <si>
    <t xml:space="preserve"> 専従</t>
    <rPh sb="1" eb="3">
      <t>センジュウ</t>
    </rPh>
    <phoneticPr fontId="2"/>
  </si>
  <si>
    <t xml:space="preserve"> 兼務</t>
    <rPh sb="1" eb="3">
      <t>ケンム</t>
    </rPh>
    <phoneticPr fontId="2"/>
  </si>
  <si>
    <t>※主任介護支援専門員を含めない。</t>
    <rPh sb="1" eb="3">
      <t>シュニン</t>
    </rPh>
    <rPh sb="3" eb="5">
      <t>カイゴ</t>
    </rPh>
    <rPh sb="5" eb="7">
      <t>シエン</t>
    </rPh>
    <rPh sb="7" eb="9">
      <t>センモン</t>
    </rPh>
    <rPh sb="9" eb="10">
      <t>イン</t>
    </rPh>
    <rPh sb="11" eb="12">
      <t>フク</t>
    </rPh>
    <phoneticPr fontId="2"/>
  </si>
  <si>
    <t>　「従業者の勤務の体制及び勤務形態一覧表」及び介護支援専門員の名簿（介護支援専門員の登録番号を記載したもの）を添付すること。</t>
    <rPh sb="2" eb="5">
      <t>ジュウギョウシャ</t>
    </rPh>
    <rPh sb="6" eb="8">
      <t>キンム</t>
    </rPh>
    <rPh sb="9" eb="11">
      <t>タイセイ</t>
    </rPh>
    <rPh sb="11" eb="12">
      <t>オヨ</t>
    </rPh>
    <rPh sb="13" eb="15">
      <t>キンム</t>
    </rPh>
    <rPh sb="15" eb="17">
      <t>ケイタイ</t>
    </rPh>
    <rPh sb="17" eb="19">
      <t>イチラン</t>
    </rPh>
    <rPh sb="19" eb="20">
      <t>ヒョウ</t>
    </rPh>
    <rPh sb="21" eb="22">
      <t>オヨ</t>
    </rPh>
    <rPh sb="55" eb="57">
      <t>テンプ</t>
    </rPh>
    <phoneticPr fontId="2"/>
  </si>
  <si>
    <t>３　イ（３）関係</t>
    <phoneticPr fontId="2"/>
  </si>
  <si>
    <t>　利用者に関する情報又はサービス提供に当たっての留意事項に係る伝達等を目的とした会議をおおむね週１回以上開催している。</t>
    <rPh sb="1" eb="4">
      <t>リヨウシャ</t>
    </rPh>
    <rPh sb="5" eb="6">
      <t>カン</t>
    </rPh>
    <rPh sb="8" eb="10">
      <t>ジョウホウ</t>
    </rPh>
    <rPh sb="10" eb="11">
      <t>マタ</t>
    </rPh>
    <rPh sb="16" eb="18">
      <t>テイキョウ</t>
    </rPh>
    <rPh sb="19" eb="20">
      <t>ア</t>
    </rPh>
    <rPh sb="24" eb="26">
      <t>リュウイ</t>
    </rPh>
    <rPh sb="26" eb="28">
      <t>ジコウ</t>
    </rPh>
    <rPh sb="29" eb="30">
      <t>カカ</t>
    </rPh>
    <rPh sb="31" eb="34">
      <t>デンタツトウ</t>
    </rPh>
    <rPh sb="35" eb="37">
      <t>モクテキ</t>
    </rPh>
    <rPh sb="40" eb="42">
      <t>カイギ</t>
    </rPh>
    <rPh sb="47" eb="48">
      <t>シュウ</t>
    </rPh>
    <rPh sb="49" eb="52">
      <t>カイイジョウ</t>
    </rPh>
    <rPh sb="52" eb="54">
      <t>カイサイ</t>
    </rPh>
    <phoneticPr fontId="2"/>
  </si>
  <si>
    <t>有 　　　・　　　 無</t>
    <rPh sb="0" eb="1">
      <t>ユウ</t>
    </rPh>
    <rPh sb="10" eb="11">
      <t>ム</t>
    </rPh>
    <phoneticPr fontId="2"/>
  </si>
  <si>
    <t>開催年月日</t>
    <rPh sb="0" eb="2">
      <t>カイサイ</t>
    </rPh>
    <rPh sb="2" eb="5">
      <t>ネンガッピ</t>
    </rPh>
    <phoneticPr fontId="2"/>
  </si>
  <si>
    <t>※「有」の場合には、開催記録を添付すること。記録は５年間保存しなければならない。</t>
    <rPh sb="2" eb="3">
      <t>アリ</t>
    </rPh>
    <rPh sb="5" eb="7">
      <t>バアイ</t>
    </rPh>
    <rPh sb="10" eb="12">
      <t>カイサイ</t>
    </rPh>
    <rPh sb="12" eb="14">
      <t>キロク</t>
    </rPh>
    <rPh sb="15" eb="17">
      <t>テンプ</t>
    </rPh>
    <rPh sb="22" eb="24">
      <t>キロク</t>
    </rPh>
    <rPh sb="26" eb="27">
      <t>ネン</t>
    </rPh>
    <rPh sb="27" eb="28">
      <t>カン</t>
    </rPh>
    <rPh sb="28" eb="30">
      <t>ホゾン</t>
    </rPh>
    <phoneticPr fontId="2"/>
  </si>
  <si>
    <t>※主任介護支援専門員を含めない。</t>
  </si>
  <si>
    <t>　議題については、「指定居宅サービスに要する費用の額の算定に関する基準及び指定居宅介護支援に要する費用の額の算定に関する基準の制定に伴う実施上の留意事項について」（平成12年3月1日老企第36号）第三の11（３）③に沿った議事を含めること。</t>
    <rPh sb="1" eb="3">
      <t>ギダイ</t>
    </rPh>
    <rPh sb="10" eb="12">
      <t>シテイ</t>
    </rPh>
    <rPh sb="12" eb="14">
      <t>キョタク</t>
    </rPh>
    <rPh sb="19" eb="20">
      <t>ヨウ</t>
    </rPh>
    <rPh sb="22" eb="24">
      <t>ヒヨウ</t>
    </rPh>
    <rPh sb="25" eb="26">
      <t>ガク</t>
    </rPh>
    <rPh sb="27" eb="29">
      <t>サンテイ</t>
    </rPh>
    <rPh sb="30" eb="31">
      <t>カン</t>
    </rPh>
    <rPh sb="33" eb="35">
      <t>キジュン</t>
    </rPh>
    <rPh sb="35" eb="36">
      <t>オヨ</t>
    </rPh>
    <rPh sb="37" eb="39">
      <t>シテイ</t>
    </rPh>
    <rPh sb="39" eb="41">
      <t>キョタク</t>
    </rPh>
    <rPh sb="41" eb="43">
      <t>カイゴ</t>
    </rPh>
    <rPh sb="43" eb="45">
      <t>シエン</t>
    </rPh>
    <rPh sb="46" eb="47">
      <t>ヨウ</t>
    </rPh>
    <rPh sb="82" eb="84">
      <t>ヘイセイ</t>
    </rPh>
    <rPh sb="86" eb="87">
      <t>ネン</t>
    </rPh>
    <rPh sb="88" eb="89">
      <t>ガツ</t>
    </rPh>
    <rPh sb="90" eb="91">
      <t>ニチ</t>
    </rPh>
    <rPh sb="98" eb="99">
      <t>ダイ</t>
    </rPh>
    <rPh sb="99" eb="100">
      <t>サン</t>
    </rPh>
    <phoneticPr fontId="2"/>
  </si>
  <si>
    <t>４　イ(４)関係</t>
    <rPh sb="6" eb="8">
      <t>カンケイ</t>
    </rPh>
    <phoneticPr fontId="2"/>
  </si>
  <si>
    <t>　２４時間常時連絡できる体制を確保し、かつ、必要に応じて利用者等の相談に対応する体制を確保している。</t>
    <rPh sb="3" eb="5">
      <t>ジカン</t>
    </rPh>
    <rPh sb="5" eb="7">
      <t>ジョウジ</t>
    </rPh>
    <rPh sb="7" eb="9">
      <t>レンラク</t>
    </rPh>
    <rPh sb="12" eb="14">
      <t>タイセイ</t>
    </rPh>
    <rPh sb="15" eb="17">
      <t>カクホ</t>
    </rPh>
    <rPh sb="22" eb="24">
      <t>ヒツヨウ</t>
    </rPh>
    <rPh sb="25" eb="26">
      <t>オウ</t>
    </rPh>
    <rPh sb="28" eb="30">
      <t>リヨウ</t>
    </rPh>
    <rPh sb="30" eb="31">
      <t>シャ</t>
    </rPh>
    <rPh sb="31" eb="32">
      <t>トウ</t>
    </rPh>
    <rPh sb="33" eb="35">
      <t>ソウダン</t>
    </rPh>
    <rPh sb="36" eb="38">
      <t>タイオウ</t>
    </rPh>
    <rPh sb="40" eb="42">
      <t>タイセイ</t>
    </rPh>
    <rPh sb="43" eb="45">
      <t>カクホ</t>
    </rPh>
    <phoneticPr fontId="2"/>
  </si>
  <si>
    <t>具体的な方法</t>
    <rPh sb="0" eb="3">
      <t>グタイテキ</t>
    </rPh>
    <rPh sb="4" eb="6">
      <t>ホウホウ</t>
    </rPh>
    <phoneticPr fontId="2"/>
  </si>
  <si>
    <t>※「有」の場合には、具体的な体制を示した書類の添付をすること。</t>
    <rPh sb="2" eb="3">
      <t>アリ</t>
    </rPh>
    <rPh sb="5" eb="7">
      <t>バアイ</t>
    </rPh>
    <rPh sb="10" eb="13">
      <t>グタイテキ</t>
    </rPh>
    <rPh sb="14" eb="16">
      <t>タイセイ</t>
    </rPh>
    <rPh sb="17" eb="18">
      <t>シメ</t>
    </rPh>
    <rPh sb="20" eb="22">
      <t>ショルイ</t>
    </rPh>
    <rPh sb="23" eb="25">
      <t>テンプ</t>
    </rPh>
    <phoneticPr fontId="2"/>
  </si>
  <si>
    <t>５　利用者の状況（報告月の状況）</t>
    <rPh sb="2" eb="5">
      <t>リヨウシャ</t>
    </rPh>
    <rPh sb="6" eb="8">
      <t>ジョウキョウ</t>
    </rPh>
    <rPh sb="9" eb="11">
      <t>ホウコク</t>
    </rPh>
    <rPh sb="11" eb="12">
      <t>ツキ</t>
    </rPh>
    <rPh sb="13" eb="15">
      <t>ジョウキョウ</t>
    </rPh>
    <phoneticPr fontId="2"/>
  </si>
  <si>
    <t>（１）要介護３～５の割合　イ（５）関係</t>
    <rPh sb="17" eb="19">
      <t>カンケイ</t>
    </rPh>
    <phoneticPr fontId="2"/>
  </si>
  <si>
    <t>【加算Ⅰ】</t>
    <rPh sb="1" eb="3">
      <t>カサン</t>
    </rPh>
    <phoneticPr fontId="2"/>
  </si>
  <si>
    <t>利用者数
(合計）</t>
    <rPh sb="0" eb="2">
      <t>リヨウ</t>
    </rPh>
    <rPh sb="2" eb="3">
      <t>シャ</t>
    </rPh>
    <rPh sb="3" eb="4">
      <t>スウ</t>
    </rPh>
    <rPh sb="6" eb="8">
      <t>ゴウケイ</t>
    </rPh>
    <phoneticPr fontId="2"/>
  </si>
  <si>
    <t>要介護１</t>
    <rPh sb="0" eb="3">
      <t>ヨウカイゴ</t>
    </rPh>
    <phoneticPr fontId="2"/>
  </si>
  <si>
    <t>要介護２</t>
    <rPh sb="0" eb="3">
      <t>ヨウカイゴ</t>
    </rPh>
    <phoneticPr fontId="2"/>
  </si>
  <si>
    <t>要介護３</t>
    <rPh sb="0" eb="3">
      <t>ヨウカイゴ</t>
    </rPh>
    <phoneticPr fontId="2"/>
  </si>
  <si>
    <t>要介護４</t>
    <rPh sb="0" eb="3">
      <t>ヨウカイゴ</t>
    </rPh>
    <phoneticPr fontId="2"/>
  </si>
  <si>
    <t>要介護５</t>
    <rPh sb="0" eb="3">
      <t>ヨウカイゴ</t>
    </rPh>
    <phoneticPr fontId="2"/>
  </si>
  <si>
    <t>要介護３～５の割合</t>
    <rPh sb="0" eb="3">
      <t>ヨウカイゴ</t>
    </rPh>
    <rPh sb="7" eb="9">
      <t>ワリアイ</t>
    </rPh>
    <phoneticPr fontId="2"/>
  </si>
  <si>
    <t>％</t>
    <phoneticPr fontId="2"/>
  </si>
  <si>
    <t>（２）介護支援専門員１人あたりの利用者数　イ（10）関係</t>
    <rPh sb="3" eb="5">
      <t>カイゴ</t>
    </rPh>
    <rPh sb="5" eb="7">
      <t>シエン</t>
    </rPh>
    <rPh sb="7" eb="10">
      <t>センモンイン</t>
    </rPh>
    <rPh sb="26" eb="28">
      <t>カンケイ</t>
    </rPh>
    <phoneticPr fontId="2"/>
  </si>
  <si>
    <t>利用者数(A)</t>
    <rPh sb="0" eb="3">
      <t>リヨウシャ</t>
    </rPh>
    <rPh sb="3" eb="4">
      <t>スウ</t>
    </rPh>
    <phoneticPr fontId="2"/>
  </si>
  <si>
    <t>介護支援専
門員数(B)
(常勤換算）</t>
    <rPh sb="0" eb="2">
      <t>カイゴ</t>
    </rPh>
    <rPh sb="2" eb="4">
      <t>シエン</t>
    </rPh>
    <rPh sb="4" eb="5">
      <t>アツム</t>
    </rPh>
    <rPh sb="6" eb="7">
      <t>モン</t>
    </rPh>
    <rPh sb="7" eb="8">
      <t>イン</t>
    </rPh>
    <rPh sb="8" eb="9">
      <t>スウ</t>
    </rPh>
    <rPh sb="14" eb="16">
      <t>ジョウキン</t>
    </rPh>
    <rPh sb="16" eb="17">
      <t>カ</t>
    </rPh>
    <rPh sb="17" eb="18">
      <t>サン</t>
    </rPh>
    <phoneticPr fontId="2"/>
  </si>
  <si>
    <t>１人あたり
利用者数
(A)÷(B)</t>
    <rPh sb="1" eb="2">
      <t>ニン</t>
    </rPh>
    <rPh sb="6" eb="9">
      <t>リヨウシャ</t>
    </rPh>
    <rPh sb="9" eb="10">
      <t>スウ</t>
    </rPh>
    <phoneticPr fontId="2"/>
  </si>
  <si>
    <t>※利用者数（A)は、介護予防支援に係る利用者数に、２分の１を乗じた数を含む。</t>
    <rPh sb="1" eb="4">
      <t>リヨウシャ</t>
    </rPh>
    <rPh sb="4" eb="5">
      <t>スウ</t>
    </rPh>
    <rPh sb="17" eb="18">
      <t>カカ</t>
    </rPh>
    <rPh sb="19" eb="22">
      <t>リヨウシャ</t>
    </rPh>
    <rPh sb="26" eb="27">
      <t>プン</t>
    </rPh>
    <rPh sb="30" eb="31">
      <t>ジョウ</t>
    </rPh>
    <rPh sb="33" eb="34">
      <t>スウ</t>
    </rPh>
    <rPh sb="35" eb="36">
      <t>フク</t>
    </rPh>
    <phoneticPr fontId="2"/>
  </si>
  <si>
    <t>６　イ(６)関係</t>
    <rPh sb="6" eb="8">
      <t>カンケイ</t>
    </rPh>
    <phoneticPr fontId="2"/>
  </si>
  <si>
    <t>　介護支援専門員に対し、計画的に研修を実施している。</t>
    <rPh sb="1" eb="3">
      <t>カイゴ</t>
    </rPh>
    <rPh sb="3" eb="5">
      <t>シエン</t>
    </rPh>
    <rPh sb="5" eb="7">
      <t>センモン</t>
    </rPh>
    <rPh sb="7" eb="8">
      <t>イン</t>
    </rPh>
    <rPh sb="9" eb="10">
      <t>タイ</t>
    </rPh>
    <rPh sb="12" eb="15">
      <t>ケイカクテキ</t>
    </rPh>
    <rPh sb="16" eb="18">
      <t>ケンシュウ</t>
    </rPh>
    <rPh sb="19" eb="21">
      <t>ジッシ</t>
    </rPh>
    <phoneticPr fontId="2"/>
  </si>
  <si>
    <t>※「有」の場合には、研修の実施計画及び実施状況を示した書面を添付すること。</t>
    <rPh sb="2" eb="3">
      <t>アリ</t>
    </rPh>
    <rPh sb="5" eb="7">
      <t>バアイ</t>
    </rPh>
    <rPh sb="10" eb="12">
      <t>ケンシュウ</t>
    </rPh>
    <rPh sb="13" eb="15">
      <t>ジッシ</t>
    </rPh>
    <rPh sb="15" eb="17">
      <t>ケイカク</t>
    </rPh>
    <rPh sb="17" eb="18">
      <t>オヨ</t>
    </rPh>
    <rPh sb="19" eb="21">
      <t>ジッシ</t>
    </rPh>
    <rPh sb="21" eb="23">
      <t>ジョウキョウ</t>
    </rPh>
    <rPh sb="24" eb="25">
      <t>シメ</t>
    </rPh>
    <rPh sb="27" eb="29">
      <t>ショメン</t>
    </rPh>
    <rPh sb="30" eb="32">
      <t>テンプ</t>
    </rPh>
    <phoneticPr fontId="2"/>
  </si>
  <si>
    <t>７　地域包括支援センター等との連携について　イ(７)・(８)関係</t>
    <rPh sb="2" eb="4">
      <t>チイキ</t>
    </rPh>
    <rPh sb="4" eb="6">
      <t>ホウカツ</t>
    </rPh>
    <rPh sb="6" eb="8">
      <t>シエン</t>
    </rPh>
    <rPh sb="12" eb="13">
      <t>トウ</t>
    </rPh>
    <rPh sb="15" eb="17">
      <t>レンケイ</t>
    </rPh>
    <rPh sb="30" eb="32">
      <t>カンケイ</t>
    </rPh>
    <phoneticPr fontId="2"/>
  </si>
  <si>
    <t>（１）（地域包括支援センターから支援困難な利用者の紹介が
あった場合）当該利用者に居宅介護支援の提供を開始した。</t>
    <rPh sb="4" eb="6">
      <t>チイキ</t>
    </rPh>
    <rPh sb="6" eb="8">
      <t>ホウカツ</t>
    </rPh>
    <rPh sb="8" eb="10">
      <t>シエン</t>
    </rPh>
    <rPh sb="16" eb="18">
      <t>シエン</t>
    </rPh>
    <rPh sb="18" eb="20">
      <t>コンナン</t>
    </rPh>
    <rPh sb="21" eb="24">
      <t>リヨウシャ</t>
    </rPh>
    <rPh sb="25" eb="27">
      <t>ショウカイ</t>
    </rPh>
    <rPh sb="32" eb="34">
      <t>バアイ</t>
    </rPh>
    <rPh sb="35" eb="37">
      <t>トウガイ</t>
    </rPh>
    <rPh sb="37" eb="40">
      <t>リヨウシャ</t>
    </rPh>
    <rPh sb="41" eb="43">
      <t>キョタク</t>
    </rPh>
    <rPh sb="43" eb="45">
      <t>カイゴ</t>
    </rPh>
    <rPh sb="45" eb="47">
      <t>シエン</t>
    </rPh>
    <rPh sb="48" eb="50">
      <t>テイキョウ</t>
    </rPh>
    <rPh sb="51" eb="53">
      <t>カイシ</t>
    </rPh>
    <phoneticPr fontId="2"/>
  </si>
  <si>
    <t>有　　　・　　　無</t>
    <rPh sb="0" eb="1">
      <t>ユウ</t>
    </rPh>
    <rPh sb="8" eb="9">
      <t>ム</t>
    </rPh>
    <phoneticPr fontId="2"/>
  </si>
  <si>
    <t>開始件数　：　　　　　　　　　　件</t>
    <rPh sb="0" eb="2">
      <t>カイシ</t>
    </rPh>
    <rPh sb="2" eb="4">
      <t>ケンスウ</t>
    </rPh>
    <rPh sb="16" eb="17">
      <t>ケン</t>
    </rPh>
    <phoneticPr fontId="2"/>
  </si>
  <si>
    <t>（２） 地域包括支援センターから支援困難な利用者の紹介があった場合には、引き受けられる体制を整えている。</t>
    <phoneticPr fontId="2"/>
  </si>
  <si>
    <t>具体的な体制　：　　　　　　　 　　</t>
    <rPh sb="0" eb="3">
      <t>グタイテキ</t>
    </rPh>
    <rPh sb="4" eb="6">
      <t>タイセイ</t>
    </rPh>
    <phoneticPr fontId="2"/>
  </si>
  <si>
    <t>（３） (地域包括支援センター等が開催する事例検討会等がある場合）当該事例検討会等に参加した。</t>
    <phoneticPr fontId="2"/>
  </si>
  <si>
    <t>参加年月日：</t>
    <rPh sb="0" eb="2">
      <t>サンカ</t>
    </rPh>
    <rPh sb="2" eb="5">
      <t>ネンガッピ</t>
    </rPh>
    <phoneticPr fontId="2"/>
  </si>
  <si>
    <t>８　減算の適用について　イ(９)関係</t>
    <rPh sb="2" eb="4">
      <t>ゲンザン</t>
    </rPh>
    <rPh sb="5" eb="7">
      <t>テキヨウ</t>
    </rPh>
    <rPh sb="16" eb="18">
      <t>カンケイ</t>
    </rPh>
    <phoneticPr fontId="2"/>
  </si>
  <si>
    <t>（１）運営基準減算が適用されている。</t>
    <rPh sb="3" eb="5">
      <t>ウンエイ</t>
    </rPh>
    <rPh sb="5" eb="7">
      <t>キジュン</t>
    </rPh>
    <rPh sb="7" eb="9">
      <t>ゲンサン</t>
    </rPh>
    <rPh sb="10" eb="12">
      <t>テキヨウ</t>
    </rPh>
    <phoneticPr fontId="2"/>
  </si>
  <si>
    <t>（２）特定事業所集中減算が適用されている。
※　「居宅介護支援における特定事業所集中減算届出書」にて確認すること。</t>
    <rPh sb="3" eb="5">
      <t>トクテイ</t>
    </rPh>
    <rPh sb="5" eb="8">
      <t>ジギョウショ</t>
    </rPh>
    <rPh sb="8" eb="10">
      <t>シュウチュウ</t>
    </rPh>
    <rPh sb="10" eb="12">
      <t>ゲンサン</t>
    </rPh>
    <rPh sb="13" eb="15">
      <t>テキヨウ</t>
    </rPh>
    <rPh sb="44" eb="47">
      <t>トドケデショ</t>
    </rPh>
    <rPh sb="50" eb="52">
      <t>カクニン</t>
    </rPh>
    <phoneticPr fontId="2"/>
  </si>
  <si>
    <t>９　実習の受入れについて　イ（11）関係</t>
    <rPh sb="2" eb="4">
      <t>ジッシュウ</t>
    </rPh>
    <rPh sb="5" eb="7">
      <t>ウケイ</t>
    </rPh>
    <rPh sb="18" eb="20">
      <t>カンケイ</t>
    </rPh>
    <phoneticPr fontId="2"/>
  </si>
  <si>
    <t>介護支援専門員実務研修の科目「ケアマネジメントの基礎技術に関する実習」に協力又は協力体制を確保している。</t>
    <rPh sb="0" eb="2">
      <t>カイゴ</t>
    </rPh>
    <rPh sb="2" eb="4">
      <t>シエン</t>
    </rPh>
    <rPh sb="4" eb="7">
      <t>センモンイン</t>
    </rPh>
    <rPh sb="7" eb="9">
      <t>ジツム</t>
    </rPh>
    <rPh sb="9" eb="11">
      <t>ケンシュウ</t>
    </rPh>
    <rPh sb="12" eb="14">
      <t>カモク</t>
    </rPh>
    <rPh sb="24" eb="26">
      <t>キソ</t>
    </rPh>
    <rPh sb="26" eb="28">
      <t>ギジュツ</t>
    </rPh>
    <rPh sb="29" eb="30">
      <t>カン</t>
    </rPh>
    <rPh sb="32" eb="34">
      <t>ジッシュウ</t>
    </rPh>
    <rPh sb="36" eb="38">
      <t>キョウリョク</t>
    </rPh>
    <rPh sb="38" eb="39">
      <t>マタ</t>
    </rPh>
    <rPh sb="40" eb="42">
      <t>キョウリョク</t>
    </rPh>
    <rPh sb="42" eb="44">
      <t>タイセイ</t>
    </rPh>
    <rPh sb="45" eb="47">
      <t>カクホ</t>
    </rPh>
    <phoneticPr fontId="2"/>
  </si>
  <si>
    <t>10　事例検討会等の実施ついて　イ（12）関係</t>
    <rPh sb="3" eb="5">
      <t>ジレイ</t>
    </rPh>
    <rPh sb="5" eb="8">
      <t>ケントウカイ</t>
    </rPh>
    <rPh sb="8" eb="9">
      <t>トウ</t>
    </rPh>
    <rPh sb="10" eb="12">
      <t>ジッシ</t>
    </rPh>
    <rPh sb="21" eb="23">
      <t>カンケイ</t>
    </rPh>
    <phoneticPr fontId="2"/>
  </si>
  <si>
    <t>他の法人が運営する運営する指定居宅介護支援事業者と共同で事例検討会、研修会等を実施している。</t>
    <rPh sb="0" eb="1">
      <t>タ</t>
    </rPh>
    <rPh sb="2" eb="4">
      <t>ホウジン</t>
    </rPh>
    <rPh sb="5" eb="7">
      <t>ウンエイ</t>
    </rPh>
    <rPh sb="9" eb="11">
      <t>ウンエイ</t>
    </rPh>
    <rPh sb="13" eb="24">
      <t>シテイキョタクカイゴシエンジギョウシャ</t>
    </rPh>
    <rPh sb="25" eb="27">
      <t>キョウドウ</t>
    </rPh>
    <rPh sb="28" eb="30">
      <t>ジレイ</t>
    </rPh>
    <rPh sb="30" eb="33">
      <t>ケントウカイ</t>
    </rPh>
    <rPh sb="34" eb="36">
      <t>ケンシュウ</t>
    </rPh>
    <rPh sb="36" eb="37">
      <t>カイ</t>
    </rPh>
    <rPh sb="37" eb="38">
      <t>トウ</t>
    </rPh>
    <rPh sb="39" eb="41">
      <t>ジッシ</t>
    </rPh>
    <phoneticPr fontId="2"/>
  </si>
  <si>
    <t>11　多様な主体により提供されるサービス計画の作成のついて　イ（13）関係</t>
    <rPh sb="3" eb="5">
      <t>タヨウ</t>
    </rPh>
    <rPh sb="6" eb="8">
      <t>シュタイ</t>
    </rPh>
    <rPh sb="11" eb="13">
      <t>テイキョウ</t>
    </rPh>
    <rPh sb="20" eb="22">
      <t>ケイカク</t>
    </rPh>
    <rPh sb="23" eb="25">
      <t>サクセイ</t>
    </rPh>
    <rPh sb="35" eb="37">
      <t>カンケイ</t>
    </rPh>
    <phoneticPr fontId="2"/>
  </si>
  <si>
    <t>多様な主体により提供される利用者の日常生活全般を支援するサービス（介護給付等対象サービス以外の保健医療サービス又は福祉サービス、当該地域の住民による自発的な活動によるサービス等をいう。）が包括的に提供されるような居宅サービス計画を作成している。</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32" x14ac:knownFonts="1">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1"/>
      <name val="ＭＳ Ｐゴシック"/>
      <family val="3"/>
      <charset val="128"/>
    </font>
    <font>
      <sz val="16"/>
      <name val="HGSｺﾞｼｯｸM"/>
      <family val="3"/>
      <charset val="128"/>
    </font>
    <font>
      <b/>
      <sz val="12"/>
      <name val="HGSｺﾞｼｯｸM"/>
      <family val="3"/>
      <charset val="128"/>
    </font>
    <font>
      <u/>
      <sz val="11"/>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b/>
      <sz val="11"/>
      <name val="HGSｺﾞｼｯｸM"/>
      <family val="3"/>
      <charset val="128"/>
    </font>
    <font>
      <sz val="12"/>
      <name val="ＭＳ Ｐゴシック"/>
      <family val="3"/>
      <charset val="128"/>
    </font>
    <font>
      <sz val="14"/>
      <name val="ＭＳ Ｐゴシック"/>
      <family val="3"/>
      <charset val="128"/>
    </font>
    <font>
      <sz val="8"/>
      <color theme="0" tint="-0.24985503707998902"/>
      <name val="HGS創英角ﾎﾟｯﾌﾟ体"/>
      <family val="3"/>
      <charset val="128"/>
    </font>
    <font>
      <sz val="11"/>
      <color theme="0" tint="-0.24985503707998902"/>
      <name val="ＭＳ Ｐゴシック"/>
      <family val="3"/>
      <charset val="128"/>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79">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bottom style="thin">
        <color indexed="64"/>
      </bottom>
      <diagonal/>
    </border>
    <border>
      <left/>
      <right style="dashed">
        <color indexed="64"/>
      </right>
      <top style="thin">
        <color indexed="64"/>
      </top>
      <bottom style="thin">
        <color indexed="64"/>
      </bottom>
      <diagonal/>
    </border>
    <border>
      <left/>
      <right style="dashed">
        <color indexed="64"/>
      </right>
      <top/>
      <bottom style="thin">
        <color indexed="64"/>
      </bottom>
      <diagonal/>
    </border>
    <border>
      <left style="thin">
        <color indexed="64"/>
      </left>
      <right style="thin">
        <color indexed="64"/>
      </right>
      <top/>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bottom style="dashed">
        <color indexed="64"/>
      </bottom>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right style="dashed">
        <color indexed="64"/>
      </right>
      <top style="thin">
        <color indexed="64"/>
      </top>
      <bottom/>
      <diagonal/>
    </border>
    <border>
      <left style="thin">
        <color indexed="64"/>
      </left>
      <right/>
      <top style="dashed">
        <color indexed="64"/>
      </top>
      <bottom/>
      <diagonal/>
    </border>
    <border>
      <left style="dashed">
        <color indexed="64"/>
      </left>
      <right/>
      <top/>
      <bottom/>
      <diagonal/>
    </border>
    <border>
      <left/>
      <right/>
      <top/>
      <bottom style="double">
        <color indexed="64"/>
      </bottom>
      <diagonal/>
    </border>
    <border>
      <left/>
      <right style="dashed">
        <color indexed="64"/>
      </right>
      <top/>
      <bottom style="double">
        <color indexed="64"/>
      </bottom>
      <diagonal/>
    </border>
    <border>
      <left/>
      <right style="dashed">
        <color indexed="64"/>
      </right>
      <top style="double">
        <color indexed="64"/>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double">
        <color indexed="64"/>
      </left>
      <right style="thin">
        <color indexed="64"/>
      </right>
      <top style="thin">
        <color indexed="64"/>
      </top>
      <bottom/>
      <diagonal/>
    </border>
    <border>
      <left style="double">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diagonalUp="1">
      <left style="thin">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style="thin">
        <color indexed="64"/>
      </right>
      <top style="dashed">
        <color indexed="64"/>
      </top>
      <bottom/>
      <diagonal/>
    </border>
    <border>
      <left style="double">
        <color indexed="64"/>
      </left>
      <right style="dashed">
        <color indexed="64"/>
      </right>
      <top style="thin">
        <color indexed="64"/>
      </top>
      <bottom style="thin">
        <color indexed="64"/>
      </bottom>
      <diagonal/>
    </border>
    <border>
      <left style="thin">
        <color indexed="64"/>
      </left>
      <right style="hair">
        <color indexed="64"/>
      </right>
      <top/>
      <bottom style="thin">
        <color indexed="64"/>
      </bottom>
      <diagonal/>
    </border>
  </borders>
  <cellStyleXfs count="47">
    <xf numFmtId="0" fontId="0" fillId="0" borderId="0"/>
    <xf numFmtId="0" fontId="10" fillId="4" borderId="0" applyNumberFormat="0" applyBorder="0" applyAlignment="0" applyProtection="0">
      <alignment vertical="center"/>
    </xf>
    <xf numFmtId="0" fontId="10" fillId="5" borderId="0" applyNumberFormat="0" applyBorder="0" applyAlignment="0" applyProtection="0">
      <alignment vertical="center"/>
    </xf>
    <xf numFmtId="0" fontId="10" fillId="6" borderId="0" applyNumberFormat="0" applyBorder="0" applyAlignment="0" applyProtection="0">
      <alignment vertical="center"/>
    </xf>
    <xf numFmtId="0" fontId="10" fillId="7" borderId="0" applyNumberFormat="0" applyBorder="0" applyAlignment="0" applyProtection="0">
      <alignment vertical="center"/>
    </xf>
    <xf numFmtId="0" fontId="10" fillId="8" borderId="0" applyNumberFormat="0" applyBorder="0" applyAlignment="0" applyProtection="0">
      <alignment vertical="center"/>
    </xf>
    <xf numFmtId="0" fontId="10" fillId="9" borderId="0" applyNumberFormat="0" applyBorder="0" applyAlignment="0" applyProtection="0">
      <alignment vertical="center"/>
    </xf>
    <xf numFmtId="0" fontId="10" fillId="10" borderId="0" applyNumberFormat="0" applyBorder="0" applyAlignment="0" applyProtection="0">
      <alignment vertical="center"/>
    </xf>
    <xf numFmtId="0" fontId="10" fillId="11" borderId="0" applyNumberFormat="0" applyBorder="0" applyAlignment="0" applyProtection="0">
      <alignment vertical="center"/>
    </xf>
    <xf numFmtId="0" fontId="10" fillId="12" borderId="0" applyNumberFormat="0" applyBorder="0" applyAlignment="0" applyProtection="0">
      <alignment vertical="center"/>
    </xf>
    <xf numFmtId="0" fontId="10" fillId="13" borderId="0" applyNumberFormat="0" applyBorder="0" applyAlignment="0" applyProtection="0">
      <alignment vertical="center"/>
    </xf>
    <xf numFmtId="0" fontId="10" fillId="14" borderId="0" applyNumberFormat="0" applyBorder="0" applyAlignment="0" applyProtection="0">
      <alignment vertical="center"/>
    </xf>
    <xf numFmtId="0" fontId="10" fillId="15" borderId="0" applyNumberFormat="0" applyBorder="0" applyAlignment="0" applyProtection="0">
      <alignment vertical="center"/>
    </xf>
    <xf numFmtId="0" fontId="11" fillId="16" borderId="0" applyNumberFormat="0" applyBorder="0" applyAlignment="0" applyProtection="0">
      <alignment vertical="center"/>
    </xf>
    <xf numFmtId="0" fontId="11" fillId="17" borderId="0" applyNumberFormat="0" applyBorder="0" applyAlignment="0" applyProtection="0">
      <alignment vertical="center"/>
    </xf>
    <xf numFmtId="0" fontId="11" fillId="18" borderId="0" applyNumberFormat="0" applyBorder="0" applyAlignment="0" applyProtection="0">
      <alignment vertical="center"/>
    </xf>
    <xf numFmtId="0" fontId="11" fillId="19" borderId="0" applyNumberFormat="0" applyBorder="0" applyAlignment="0" applyProtection="0">
      <alignment vertical="center"/>
    </xf>
    <xf numFmtId="0" fontId="11" fillId="20" borderId="0" applyNumberFormat="0" applyBorder="0" applyAlignment="0" applyProtection="0">
      <alignment vertical="center"/>
    </xf>
    <xf numFmtId="0" fontId="11" fillId="21" borderId="0" applyNumberFormat="0" applyBorder="0" applyAlignment="0" applyProtection="0">
      <alignment vertical="center"/>
    </xf>
    <xf numFmtId="0" fontId="11" fillId="22" borderId="0" applyNumberFormat="0" applyBorder="0" applyAlignment="0" applyProtection="0">
      <alignment vertical="center"/>
    </xf>
    <xf numFmtId="0" fontId="11" fillId="23" borderId="0" applyNumberFormat="0" applyBorder="0" applyAlignment="0" applyProtection="0">
      <alignment vertical="center"/>
    </xf>
    <xf numFmtId="0" fontId="11" fillId="24" borderId="0" applyNumberFormat="0" applyBorder="0" applyAlignment="0" applyProtection="0">
      <alignment vertical="center"/>
    </xf>
    <xf numFmtId="0" fontId="11" fillId="25" borderId="0" applyNumberFormat="0" applyBorder="0" applyAlignment="0" applyProtection="0">
      <alignment vertical="center"/>
    </xf>
    <xf numFmtId="0" fontId="11" fillId="26" borderId="0" applyNumberFormat="0" applyBorder="0" applyAlignment="0" applyProtection="0">
      <alignment vertical="center"/>
    </xf>
    <xf numFmtId="0" fontId="11" fillId="27" borderId="0" applyNumberFormat="0" applyBorder="0" applyAlignment="0" applyProtection="0">
      <alignment vertical="center"/>
    </xf>
    <xf numFmtId="0" fontId="12" fillId="0" borderId="0" applyNumberFormat="0" applyFill="0" applyBorder="0" applyAlignment="0" applyProtection="0">
      <alignment vertical="center"/>
    </xf>
    <xf numFmtId="0" fontId="13" fillId="28" borderId="61" applyNumberFormat="0" applyAlignment="0" applyProtection="0">
      <alignment vertical="center"/>
    </xf>
    <xf numFmtId="0" fontId="14" fillId="29" borderId="0" applyNumberFormat="0" applyBorder="0" applyAlignment="0" applyProtection="0">
      <alignment vertical="center"/>
    </xf>
    <xf numFmtId="0" fontId="6" fillId="3" borderId="62" applyNumberFormat="0" applyFont="0" applyAlignment="0" applyProtection="0">
      <alignment vertical="center"/>
    </xf>
    <xf numFmtId="0" fontId="15" fillId="0" borderId="63" applyNumberFormat="0" applyFill="0" applyAlignment="0" applyProtection="0">
      <alignment vertical="center"/>
    </xf>
    <xf numFmtId="0" fontId="16" fillId="30" borderId="0" applyNumberFormat="0" applyBorder="0" applyAlignment="0" applyProtection="0">
      <alignment vertical="center"/>
    </xf>
    <xf numFmtId="0" fontId="17" fillId="31" borderId="64" applyNumberFormat="0" applyAlignment="0" applyProtection="0">
      <alignment vertical="center"/>
    </xf>
    <xf numFmtId="0" fontId="18" fillId="0" borderId="0" applyNumberFormat="0" applyFill="0" applyBorder="0" applyAlignment="0" applyProtection="0">
      <alignment vertical="center"/>
    </xf>
    <xf numFmtId="0" fontId="19" fillId="0" borderId="65" applyNumberFormat="0" applyFill="0" applyAlignment="0" applyProtection="0">
      <alignment vertical="center"/>
    </xf>
    <xf numFmtId="0" fontId="20" fillId="0" borderId="66" applyNumberFormat="0" applyFill="0" applyAlignment="0" applyProtection="0">
      <alignment vertical="center"/>
    </xf>
    <xf numFmtId="0" fontId="21" fillId="0" borderId="67" applyNumberFormat="0" applyFill="0" applyAlignment="0" applyProtection="0">
      <alignment vertical="center"/>
    </xf>
    <xf numFmtId="0" fontId="21" fillId="0" borderId="0" applyNumberFormat="0" applyFill="0" applyBorder="0" applyAlignment="0" applyProtection="0">
      <alignment vertical="center"/>
    </xf>
    <xf numFmtId="0" fontId="22" fillId="0" borderId="68" applyNumberFormat="0" applyFill="0" applyAlignment="0" applyProtection="0">
      <alignment vertical="center"/>
    </xf>
    <xf numFmtId="0" fontId="23" fillId="31" borderId="69" applyNumberFormat="0" applyAlignment="0" applyProtection="0">
      <alignment vertical="center"/>
    </xf>
    <xf numFmtId="0" fontId="24" fillId="0" borderId="0" applyNumberFormat="0" applyFill="0" applyBorder="0" applyAlignment="0" applyProtection="0">
      <alignment vertical="center"/>
    </xf>
    <xf numFmtId="0" fontId="25" fillId="2" borderId="64" applyNumberFormat="0" applyAlignment="0" applyProtection="0">
      <alignment vertical="center"/>
    </xf>
    <xf numFmtId="0" fontId="26" fillId="32" borderId="0" applyNumberFormat="0" applyBorder="0" applyAlignment="0" applyProtection="0">
      <alignment vertical="center"/>
    </xf>
    <xf numFmtId="0" fontId="6" fillId="0" borderId="0"/>
    <xf numFmtId="0" fontId="1" fillId="0" borderId="0">
      <alignment vertical="center"/>
    </xf>
    <xf numFmtId="38" fontId="1" fillId="0" borderId="0" applyFont="0" applyFill="0" applyBorder="0" applyAlignment="0" applyProtection="0">
      <alignment vertical="center"/>
    </xf>
    <xf numFmtId="9" fontId="1" fillId="0" borderId="0" applyFont="0" applyFill="0" applyBorder="0" applyAlignment="0" applyProtection="0">
      <alignment vertical="center"/>
    </xf>
    <xf numFmtId="0" fontId="6" fillId="0" borderId="0">
      <alignment vertical="center"/>
    </xf>
  </cellStyleXfs>
  <cellXfs count="662">
    <xf numFmtId="0" fontId="0" fillId="0" borderId="0" xfId="0" applyAlignment="1"/>
    <xf numFmtId="0" fontId="3" fillId="0" borderId="0" xfId="0" applyFont="1" applyAlignment="1">
      <alignment horizontal="left" vertical="center"/>
    </xf>
    <xf numFmtId="0" fontId="3" fillId="0" borderId="0" xfId="0" applyFont="1" applyAlignment="1">
      <alignment vertical="center"/>
    </xf>
    <xf numFmtId="0" fontId="3" fillId="0" borderId="0" xfId="0" applyFont="1" applyAlignment="1"/>
    <xf numFmtId="0" fontId="3" fillId="0" borderId="1" xfId="0" applyFont="1" applyBorder="1" applyAlignment="1">
      <alignment horizontal="left" vertical="center"/>
    </xf>
    <xf numFmtId="0" fontId="3" fillId="0" borderId="2" xfId="0" applyFont="1" applyBorder="1" applyAlignment="1">
      <alignment horizontal="left"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8" xfId="0" applyFont="1" applyBorder="1" applyAlignment="1">
      <alignment horizontal="left" vertical="center"/>
    </xf>
    <xf numFmtId="0" fontId="3" fillId="0" borderId="0" xfId="0" applyFont="1" applyAlignment="1">
      <alignment horizontal="center" vertical="center"/>
    </xf>
    <xf numFmtId="0" fontId="3" fillId="0" borderId="9" xfId="0" applyFont="1" applyBorder="1" applyAlignment="1">
      <alignment horizontal="left" vertical="center"/>
    </xf>
    <xf numFmtId="0" fontId="3" fillId="0" borderId="0" xfId="0" applyFont="1" applyAlignment="1">
      <alignment horizontal="left"/>
    </xf>
    <xf numFmtId="0" fontId="3" fillId="0" borderId="6" xfId="0" applyFont="1" applyBorder="1" applyAlignment="1"/>
    <xf numFmtId="0" fontId="3" fillId="0" borderId="7" xfId="0" applyFont="1" applyBorder="1" applyAlignment="1"/>
    <xf numFmtId="0" fontId="3" fillId="0" borderId="8" xfId="0" applyFont="1" applyBorder="1" applyAlignment="1"/>
    <xf numFmtId="0" fontId="3" fillId="0" borderId="6" xfId="0" applyFont="1" applyBorder="1" applyAlignment="1">
      <alignment horizontal="justify" wrapText="1"/>
    </xf>
    <xf numFmtId="0" fontId="3" fillId="0" borderId="7" xfId="0" applyFont="1" applyBorder="1" applyAlignment="1">
      <alignment horizontal="justify" wrapText="1"/>
    </xf>
    <xf numFmtId="0" fontId="3" fillId="0" borderId="0" xfId="0" applyFont="1" applyBorder="1" applyAlignment="1">
      <alignment horizontal="justify" vertical="center" wrapText="1"/>
    </xf>
    <xf numFmtId="0" fontId="3" fillId="0" borderId="0" xfId="0" applyFont="1" applyAlignment="1">
      <alignment horizontal="left" vertical="center" wrapText="1"/>
    </xf>
    <xf numFmtId="0" fontId="3" fillId="0" borderId="4" xfId="0" applyFont="1" applyBorder="1" applyAlignment="1">
      <alignment vertical="center"/>
    </xf>
    <xf numFmtId="0" fontId="3" fillId="0" borderId="1" xfId="0" applyFont="1" applyBorder="1" applyAlignment="1">
      <alignment vertical="center"/>
    </xf>
    <xf numFmtId="0" fontId="3" fillId="0" borderId="6" xfId="0" applyFont="1" applyBorder="1" applyAlignment="1">
      <alignment horizontal="justify" vertical="center"/>
    </xf>
    <xf numFmtId="0" fontId="3" fillId="0" borderId="7" xfId="0" applyFont="1" applyBorder="1" applyAlignment="1">
      <alignment horizontal="justify" vertical="center"/>
    </xf>
    <xf numFmtId="0" fontId="3" fillId="0" borderId="8" xfId="0" applyFont="1" applyBorder="1" applyAlignment="1">
      <alignment horizontal="justify" vertical="center"/>
    </xf>
    <xf numFmtId="0" fontId="3" fillId="0" borderId="0" xfId="0" applyFont="1" applyBorder="1" applyAlignment="1">
      <alignment horizontal="left" wrapText="1"/>
    </xf>
    <xf numFmtId="0" fontId="3" fillId="0" borderId="3" xfId="0" applyFont="1" applyBorder="1" applyAlignment="1">
      <alignment horizontal="justify" vertical="center"/>
    </xf>
    <xf numFmtId="0" fontId="3" fillId="0" borderId="6" xfId="0" applyFont="1" applyBorder="1" applyAlignment="1">
      <alignment horizontal="justify"/>
    </xf>
    <xf numFmtId="0" fontId="3" fillId="0" borderId="7" xfId="0" applyFont="1" applyBorder="1" applyAlignment="1">
      <alignment horizontal="justify"/>
    </xf>
    <xf numFmtId="0" fontId="3" fillId="0" borderId="8" xfId="0" applyFont="1" applyBorder="1" applyAlignment="1">
      <alignment horizontal="justify"/>
    </xf>
    <xf numFmtId="0" fontId="3" fillId="0" borderId="4" xfId="0" applyFont="1" applyBorder="1" applyAlignment="1">
      <alignment horizontal="justify" vertical="center"/>
    </xf>
    <xf numFmtId="0" fontId="3" fillId="0" borderId="1" xfId="0" applyFont="1" applyBorder="1" applyAlignment="1">
      <alignment horizontal="justify" vertical="center"/>
    </xf>
    <xf numFmtId="0" fontId="3" fillId="0" borderId="4" xfId="0" applyFont="1" applyBorder="1" applyAlignment="1">
      <alignment horizontal="justify" wrapText="1"/>
    </xf>
    <xf numFmtId="0" fontId="3" fillId="0" borderId="1" xfId="0" applyFont="1" applyBorder="1" applyAlignment="1">
      <alignment horizontal="justify" wrapText="1"/>
    </xf>
    <xf numFmtId="0" fontId="3" fillId="0" borderId="8" xfId="0" applyFont="1" applyBorder="1" applyAlignment="1">
      <alignment horizontal="justify" wrapText="1"/>
    </xf>
    <xf numFmtId="0" fontId="3" fillId="0" borderId="10" xfId="0" applyFont="1" applyBorder="1" applyAlignment="1">
      <alignment horizontal="justify" wrapText="1"/>
    </xf>
    <xf numFmtId="0" fontId="3" fillId="0" borderId="9" xfId="0" applyFont="1" applyBorder="1" applyAlignment="1">
      <alignment horizontal="justify" wrapText="1"/>
    </xf>
    <xf numFmtId="0" fontId="3" fillId="0" borderId="9" xfId="0" applyFont="1" applyBorder="1" applyAlignment="1"/>
    <xf numFmtId="0" fontId="3" fillId="0" borderId="11" xfId="0" applyFont="1" applyBorder="1" applyAlignment="1">
      <alignment horizontal="left"/>
    </xf>
    <xf numFmtId="0" fontId="3" fillId="0" borderId="3" xfId="0" applyFont="1" applyBorder="1" applyAlignment="1">
      <alignment vertical="center"/>
    </xf>
    <xf numFmtId="0" fontId="3" fillId="0" borderId="12" xfId="0" applyFont="1" applyBorder="1" applyAlignment="1">
      <alignment vertical="center"/>
    </xf>
    <xf numFmtId="0" fontId="3" fillId="0" borderId="13" xfId="0" applyFont="1" applyBorder="1" applyAlignment="1">
      <alignment vertical="center"/>
    </xf>
    <xf numFmtId="0" fontId="3" fillId="0" borderId="14" xfId="0" applyFont="1" applyBorder="1" applyAlignment="1">
      <alignment vertical="center"/>
    </xf>
    <xf numFmtId="0" fontId="3" fillId="0" borderId="0" xfId="0" applyFont="1" applyAlignment="1">
      <alignment horizontal="right" vertical="center"/>
    </xf>
    <xf numFmtId="0" fontId="5" fillId="0" borderId="0" xfId="0" applyFont="1" applyAlignment="1">
      <alignment horizontal="justify"/>
    </xf>
    <xf numFmtId="0" fontId="3" fillId="0" borderId="7" xfId="0" applyFont="1" applyBorder="1" applyAlignment="1">
      <alignment horizontal="left"/>
    </xf>
    <xf numFmtId="0" fontId="3" fillId="0" borderId="7" xfId="0" applyFont="1" applyBorder="1" applyAlignment="1">
      <alignment horizontal="left" wrapText="1"/>
    </xf>
    <xf numFmtId="0" fontId="3" fillId="0" borderId="4" xfId="0" applyFont="1" applyBorder="1" applyAlignment="1">
      <alignment horizontal="left"/>
    </xf>
    <xf numFmtId="0" fontId="3" fillId="0" borderId="1" xfId="0" applyFont="1" applyBorder="1" applyAlignment="1">
      <alignment horizontal="left"/>
    </xf>
    <xf numFmtId="0" fontId="3" fillId="0" borderId="5" xfId="0" applyFont="1" applyBorder="1" applyAlignment="1">
      <alignment horizontal="left"/>
    </xf>
    <xf numFmtId="0" fontId="3" fillId="0" borderId="15" xfId="0" applyFont="1" applyBorder="1" applyAlignment="1">
      <alignment horizontal="left"/>
    </xf>
    <xf numFmtId="0" fontId="3" fillId="0" borderId="3" xfId="0" applyFont="1" applyBorder="1" applyAlignment="1">
      <alignment horizontal="left"/>
    </xf>
    <xf numFmtId="0" fontId="3" fillId="0" borderId="16" xfId="0" applyFont="1" applyBorder="1" applyAlignment="1">
      <alignment horizontal="left"/>
    </xf>
    <xf numFmtId="0" fontId="3" fillId="0" borderId="0" xfId="0" applyFont="1" applyBorder="1" applyAlignment="1">
      <alignment horizontal="left"/>
    </xf>
    <xf numFmtId="0" fontId="3" fillId="0" borderId="17" xfId="0" applyFont="1" applyBorder="1" applyAlignment="1">
      <alignment horizontal="left"/>
    </xf>
    <xf numFmtId="0" fontId="3" fillId="0" borderId="3" xfId="0" applyFont="1" applyBorder="1" applyAlignment="1"/>
    <xf numFmtId="0" fontId="3" fillId="0" borderId="4" xfId="0" applyFont="1" applyBorder="1" applyAlignment="1"/>
    <xf numFmtId="0" fontId="3" fillId="0" borderId="1" xfId="0" applyFont="1" applyBorder="1" applyAlignment="1"/>
    <xf numFmtId="0" fontId="3" fillId="0" borderId="5" xfId="0" applyFont="1" applyBorder="1" applyAlignment="1"/>
    <xf numFmtId="0" fontId="3" fillId="0" borderId="15" xfId="0" applyFont="1" applyBorder="1" applyAlignment="1"/>
    <xf numFmtId="0" fontId="3" fillId="0" borderId="18" xfId="0" applyFont="1" applyBorder="1" applyAlignment="1">
      <alignment horizontal="center" vertical="center" textRotation="255"/>
    </xf>
    <xf numFmtId="0" fontId="3" fillId="0" borderId="19" xfId="0" applyFont="1" applyBorder="1" applyAlignment="1">
      <alignment horizontal="justify" wrapText="1"/>
    </xf>
    <xf numFmtId="0" fontId="3" fillId="0" borderId="19" xfId="0" applyFont="1" applyBorder="1" applyAlignment="1">
      <alignment horizontal="left" vertical="center"/>
    </xf>
    <xf numFmtId="0" fontId="3" fillId="0" borderId="20" xfId="0" applyFont="1" applyBorder="1" applyAlignment="1">
      <alignment horizontal="left" vertical="center"/>
    </xf>
    <xf numFmtId="0" fontId="3" fillId="0" borderId="6" xfId="0" applyFont="1" applyBorder="1" applyAlignment="1">
      <alignment horizontal="center" vertical="center" textRotation="255"/>
    </xf>
    <xf numFmtId="0" fontId="3" fillId="0" borderId="4" xfId="0" applyFont="1" applyBorder="1" applyAlignment="1">
      <alignment horizontal="justify"/>
    </xf>
    <xf numFmtId="0" fontId="3" fillId="0" borderId="5" xfId="0" applyFont="1" applyBorder="1" applyAlignment="1">
      <alignment horizontal="justify"/>
    </xf>
    <xf numFmtId="0" fontId="3" fillId="0" borderId="6" xfId="0" applyFont="1" applyBorder="1" applyAlignment="1">
      <alignment horizontal="center" vertical="center" textRotation="255" wrapText="1"/>
    </xf>
    <xf numFmtId="0" fontId="3" fillId="0" borderId="3" xfId="0" applyFont="1" applyBorder="1" applyAlignment="1">
      <alignment horizontal="center" vertical="center" textRotation="255" wrapText="1"/>
    </xf>
    <xf numFmtId="0" fontId="3" fillId="0" borderId="20" xfId="0" applyFont="1" applyBorder="1" applyAlignment="1">
      <alignment horizontal="justify" wrapText="1"/>
    </xf>
    <xf numFmtId="0" fontId="3" fillId="0" borderId="21" xfId="0" applyFont="1" applyBorder="1" applyAlignment="1">
      <alignment horizontal="center" vertical="center" textRotation="255" wrapText="1"/>
    </xf>
    <xf numFmtId="0" fontId="3" fillId="0" borderId="22" xfId="0" applyFont="1" applyBorder="1" applyAlignment="1">
      <alignment horizontal="justify" wrapText="1"/>
    </xf>
    <xf numFmtId="0" fontId="3" fillId="0" borderId="23" xfId="0" applyFont="1" applyBorder="1" applyAlignment="1">
      <alignment horizontal="justify" wrapText="1"/>
    </xf>
    <xf numFmtId="0" fontId="3" fillId="0" borderId="24" xfId="0" applyFont="1" applyBorder="1" applyAlignment="1">
      <alignment horizontal="justify" wrapText="1"/>
    </xf>
    <xf numFmtId="0" fontId="3" fillId="0" borderId="21" xfId="0" applyFont="1" applyBorder="1" applyAlignment="1">
      <alignment horizontal="left" vertical="center"/>
    </xf>
    <xf numFmtId="0" fontId="3" fillId="0" borderId="23" xfId="0" applyFont="1" applyBorder="1" applyAlignment="1">
      <alignment horizontal="justify"/>
    </xf>
    <xf numFmtId="0" fontId="3" fillId="0" borderId="23" xfId="0" applyFont="1" applyBorder="1" applyAlignment="1"/>
    <xf numFmtId="0" fontId="3" fillId="0" borderId="24" xfId="0" applyFont="1" applyBorder="1" applyAlignment="1"/>
    <xf numFmtId="0" fontId="3" fillId="0" borderId="3" xfId="0" applyFont="1" applyBorder="1" applyAlignment="1">
      <alignment horizontal="justify" wrapText="1"/>
    </xf>
    <xf numFmtId="0" fontId="3" fillId="0" borderId="25" xfId="0" applyFont="1" applyBorder="1" applyAlignment="1">
      <alignment horizontal="left" vertical="center"/>
    </xf>
    <xf numFmtId="0" fontId="3" fillId="0" borderId="21" xfId="0" applyFont="1" applyBorder="1" applyAlignment="1">
      <alignment horizontal="justify" wrapText="1"/>
    </xf>
    <xf numFmtId="0" fontId="3" fillId="0" borderId="24" xfId="0" applyFont="1" applyBorder="1" applyAlignment="1">
      <alignment horizontal="left" vertical="center"/>
    </xf>
    <xf numFmtId="0" fontId="3" fillId="0" borderId="26" xfId="0" applyFont="1" applyBorder="1" applyAlignment="1">
      <alignment horizontal="left" vertical="center"/>
    </xf>
    <xf numFmtId="0" fontId="3" fillId="0" borderId="21" xfId="0" applyFont="1" applyBorder="1" applyAlignment="1"/>
    <xf numFmtId="0" fontId="3" fillId="0" borderId="9" xfId="0" applyFont="1" applyFill="1" applyBorder="1" applyAlignment="1">
      <alignment horizontal="left" vertical="center"/>
    </xf>
    <xf numFmtId="0" fontId="3" fillId="0" borderId="0" xfId="0" applyFont="1" applyFill="1" applyAlignment="1"/>
    <xf numFmtId="0" fontId="3" fillId="0" borderId="0" xfId="0" applyFont="1" applyFill="1" applyAlignment="1">
      <alignment vertical="center"/>
    </xf>
    <xf numFmtId="0" fontId="3" fillId="0" borderId="5" xfId="0" applyFont="1" applyFill="1" applyBorder="1" applyAlignment="1">
      <alignment vertical="center"/>
    </xf>
    <xf numFmtId="0" fontId="3" fillId="0" borderId="7" xfId="0" applyFont="1" applyFill="1" applyBorder="1" applyAlignment="1">
      <alignment horizontal="left" vertical="center"/>
    </xf>
    <xf numFmtId="0" fontId="3" fillId="0" borderId="0" xfId="0" applyFont="1" applyFill="1" applyAlignment="1">
      <alignment horizontal="left"/>
    </xf>
    <xf numFmtId="0" fontId="3" fillId="0" borderId="0" xfId="0" applyFont="1" applyFill="1" applyAlignment="1">
      <alignment vertical="top"/>
    </xf>
    <xf numFmtId="0" fontId="8" fillId="0" borderId="0" xfId="0" applyFont="1" applyFill="1" applyBorder="1" applyAlignment="1">
      <alignment horizontal="left" vertical="center"/>
    </xf>
    <xf numFmtId="0" fontId="7" fillId="0" borderId="0" xfId="0" applyFont="1" applyFill="1" applyAlignment="1">
      <alignment vertical="center"/>
    </xf>
    <xf numFmtId="0" fontId="0" fillId="0" borderId="0" xfId="0" applyFont="1" applyFill="1" applyAlignment="1"/>
    <xf numFmtId="0" fontId="3" fillId="0" borderId="3" xfId="0" applyFont="1" applyFill="1" applyBorder="1" applyAlignment="1">
      <alignment vertical="center"/>
    </xf>
    <xf numFmtId="0" fontId="3" fillId="0" borderId="4" xfId="0" applyFont="1" applyFill="1" applyBorder="1" applyAlignment="1">
      <alignment vertical="center"/>
    </xf>
    <xf numFmtId="0" fontId="3" fillId="0" borderId="1" xfId="0" applyFont="1" applyFill="1" applyBorder="1" applyAlignment="1">
      <alignment vertical="center"/>
    </xf>
    <xf numFmtId="0" fontId="3" fillId="0" borderId="13" xfId="0" applyFont="1" applyFill="1" applyBorder="1" applyAlignment="1">
      <alignment vertical="center"/>
    </xf>
    <xf numFmtId="0" fontId="3" fillId="0" borderId="8" xfId="0" applyFont="1" applyFill="1" applyBorder="1" applyAlignment="1"/>
    <xf numFmtId="0" fontId="3" fillId="0" borderId="7" xfId="0" applyFont="1" applyFill="1" applyBorder="1" applyAlignment="1">
      <alignment horizontal="justify"/>
    </xf>
    <xf numFmtId="0" fontId="3" fillId="0" borderId="7" xfId="0" applyFont="1" applyFill="1" applyBorder="1" applyAlignment="1"/>
    <xf numFmtId="0" fontId="3" fillId="0" borderId="6" xfId="0" applyFont="1" applyFill="1" applyBorder="1" applyAlignment="1">
      <alignment horizontal="center" vertical="center" textRotation="255" wrapText="1"/>
    </xf>
    <xf numFmtId="0" fontId="3" fillId="0" borderId="9" xfId="0" applyFont="1" applyFill="1" applyBorder="1" applyAlignment="1">
      <alignment horizontal="justify" wrapText="1"/>
    </xf>
    <xf numFmtId="0" fontId="3" fillId="0" borderId="9" xfId="0" applyFont="1" applyFill="1" applyBorder="1" applyAlignment="1"/>
    <xf numFmtId="0" fontId="3" fillId="0" borderId="11" xfId="0" applyFont="1" applyFill="1" applyBorder="1" applyAlignment="1">
      <alignment horizontal="left"/>
    </xf>
    <xf numFmtId="0" fontId="3" fillId="0" borderId="16" xfId="0" applyFont="1" applyFill="1" applyBorder="1" applyAlignment="1">
      <alignment horizontal="left"/>
    </xf>
    <xf numFmtId="0" fontId="3" fillId="0" borderId="5" xfId="0" applyFont="1" applyFill="1" applyBorder="1" applyAlignment="1">
      <alignment horizontal="left"/>
    </xf>
    <xf numFmtId="0" fontId="3" fillId="0" borderId="15" xfId="0" applyFont="1" applyFill="1" applyBorder="1" applyAlignment="1">
      <alignment horizontal="left"/>
    </xf>
    <xf numFmtId="0" fontId="3" fillId="0" borderId="17" xfId="0" applyFont="1" applyFill="1" applyBorder="1" applyAlignment="1">
      <alignment horizontal="left"/>
    </xf>
    <xf numFmtId="0" fontId="3" fillId="0" borderId="0" xfId="0" applyFont="1" applyFill="1" applyBorder="1" applyAlignment="1">
      <alignment horizontal="left"/>
    </xf>
    <xf numFmtId="0" fontId="3" fillId="0" borderId="3" xfId="0" applyFont="1" applyFill="1" applyBorder="1" applyAlignment="1">
      <alignment horizontal="center" vertical="center" textRotation="255" wrapText="1"/>
    </xf>
    <xf numFmtId="0" fontId="3" fillId="0" borderId="21" xfId="0" applyFont="1" applyFill="1" applyBorder="1" applyAlignment="1">
      <alignment horizontal="center" vertical="center" textRotation="255" wrapText="1"/>
    </xf>
    <xf numFmtId="0" fontId="3" fillId="0" borderId="17" xfId="0" applyFont="1" applyFill="1" applyBorder="1" applyAlignment="1">
      <alignment horizontal="center" vertical="center" textRotation="255" shrinkToFit="1"/>
    </xf>
    <xf numFmtId="0" fontId="3" fillId="0" borderId="18" xfId="0" applyFont="1" applyFill="1" applyBorder="1" applyAlignment="1">
      <alignment horizontal="center" vertical="center" textRotation="255"/>
    </xf>
    <xf numFmtId="0" fontId="3" fillId="0" borderId="19" xfId="0" applyFont="1" applyFill="1" applyBorder="1" applyAlignment="1">
      <alignment horizontal="justify" wrapText="1"/>
    </xf>
    <xf numFmtId="0" fontId="3" fillId="0" borderId="19" xfId="0" applyFont="1" applyFill="1" applyBorder="1" applyAlignment="1">
      <alignment horizontal="left" vertical="center"/>
    </xf>
    <xf numFmtId="0" fontId="3" fillId="0" borderId="20" xfId="0" applyFont="1" applyFill="1" applyBorder="1" applyAlignment="1">
      <alignment horizontal="left" vertical="center"/>
    </xf>
    <xf numFmtId="0" fontId="5" fillId="0" borderId="0" xfId="0" applyFont="1" applyFill="1" applyAlignment="1">
      <alignment horizontal="justify"/>
    </xf>
    <xf numFmtId="0" fontId="3" fillId="0" borderId="0" xfId="0" applyFont="1" applyFill="1" applyBorder="1" applyAlignment="1">
      <alignment vertical="top"/>
    </xf>
    <xf numFmtId="0" fontId="3" fillId="0" borderId="27" xfId="0" applyFont="1" applyFill="1" applyBorder="1" applyAlignment="1">
      <alignment vertical="center"/>
    </xf>
    <xf numFmtId="0" fontId="3" fillId="0" borderId="17" xfId="0" applyFont="1" applyFill="1" applyBorder="1" applyAlignment="1">
      <alignment vertical="top"/>
    </xf>
    <xf numFmtId="0" fontId="3" fillId="0" borderId="27" xfId="0" applyFont="1" applyFill="1" applyBorder="1" applyAlignment="1">
      <alignment vertical="top"/>
    </xf>
    <xf numFmtId="0" fontId="3" fillId="0" borderId="0" xfId="0" applyFont="1" applyFill="1" applyBorder="1" applyAlignment="1">
      <alignment horizontal="center" vertical="center"/>
    </xf>
    <xf numFmtId="0" fontId="3" fillId="0" borderId="0" xfId="0" applyFont="1" applyFill="1" applyBorder="1" applyAlignment="1">
      <alignment vertical="center"/>
    </xf>
    <xf numFmtId="0" fontId="3" fillId="0" borderId="0" xfId="0" applyFont="1" applyFill="1" applyAlignment="1">
      <alignment horizontal="left" vertical="center"/>
    </xf>
    <xf numFmtId="0" fontId="3" fillId="0" borderId="0" xfId="0" applyFont="1" applyFill="1" applyBorder="1" applyAlignment="1">
      <alignment horizontal="left" vertical="center"/>
    </xf>
    <xf numFmtId="0" fontId="3" fillId="0" borderId="0" xfId="0" applyFont="1" applyFill="1" applyAlignment="1">
      <alignment horizontal="center" vertical="center"/>
    </xf>
    <xf numFmtId="0" fontId="3" fillId="0" borderId="27" xfId="0" applyFont="1" applyFill="1" applyBorder="1" applyAlignment="1">
      <alignment vertical="center" wrapText="1"/>
    </xf>
    <xf numFmtId="0" fontId="3" fillId="0" borderId="5" xfId="0" applyFont="1" applyFill="1" applyBorder="1" applyAlignment="1">
      <alignment vertical="center" wrapText="1"/>
    </xf>
    <xf numFmtId="0" fontId="3" fillId="0" borderId="15" xfId="0" applyFont="1" applyFill="1" applyBorder="1" applyAlignment="1">
      <alignment vertical="center" wrapText="1"/>
    </xf>
    <xf numFmtId="0" fontId="3" fillId="0" borderId="3" xfId="0" applyFont="1" applyFill="1" applyBorder="1" applyAlignment="1">
      <alignment horizontal="left" vertical="center"/>
    </xf>
    <xf numFmtId="0" fontId="3" fillId="0" borderId="4" xfId="0" applyFont="1" applyFill="1" applyBorder="1" applyAlignment="1">
      <alignment horizontal="left" vertical="center"/>
    </xf>
    <xf numFmtId="0" fontId="3" fillId="0" borderId="1" xfId="0" applyFont="1" applyFill="1" applyBorder="1" applyAlignment="1">
      <alignment horizontal="left" vertical="center"/>
    </xf>
    <xf numFmtId="0" fontId="3" fillId="0" borderId="16" xfId="0" applyFont="1" applyFill="1" applyBorder="1" applyAlignment="1">
      <alignment horizontal="left" vertical="center"/>
    </xf>
    <xf numFmtId="0" fontId="3" fillId="0" borderId="15" xfId="0" applyFont="1" applyFill="1" applyBorder="1" applyAlignment="1">
      <alignment horizontal="left" vertical="center"/>
    </xf>
    <xf numFmtId="0" fontId="3" fillId="0" borderId="0" xfId="0" applyFont="1" applyFill="1" applyAlignment="1">
      <alignment horizontal="center"/>
    </xf>
    <xf numFmtId="0" fontId="3" fillId="0" borderId="4" xfId="0" applyFont="1" applyFill="1" applyBorder="1" applyAlignment="1">
      <alignment vertical="center" wrapText="1"/>
    </xf>
    <xf numFmtId="0" fontId="3" fillId="0" borderId="30" xfId="0" applyFont="1" applyFill="1" applyBorder="1" applyAlignment="1">
      <alignment horizontal="left" vertical="center"/>
    </xf>
    <xf numFmtId="0" fontId="3" fillId="0" borderId="8" xfId="0" applyFont="1" applyFill="1" applyBorder="1" applyAlignment="1">
      <alignment horizontal="center" vertical="center"/>
    </xf>
    <xf numFmtId="0" fontId="3" fillId="0" borderId="0" xfId="0" applyFont="1" applyFill="1" applyAlignment="1">
      <alignment horizontal="left" vertical="center"/>
    </xf>
    <xf numFmtId="0" fontId="3" fillId="0" borderId="25" xfId="0" applyFont="1" applyFill="1" applyBorder="1" applyAlignment="1">
      <alignment vertical="center"/>
    </xf>
    <xf numFmtId="0" fontId="3" fillId="0" borderId="34" xfId="0" applyFont="1" applyFill="1" applyBorder="1" applyAlignment="1">
      <alignment vertical="center"/>
    </xf>
    <xf numFmtId="0" fontId="3" fillId="0" borderId="31" xfId="0" applyFont="1" applyFill="1" applyBorder="1" applyAlignment="1">
      <alignment vertical="center"/>
    </xf>
    <xf numFmtId="0" fontId="3" fillId="0" borderId="17" xfId="0" applyFont="1" applyFill="1" applyBorder="1" applyAlignment="1">
      <alignment horizontal="left" vertical="center"/>
    </xf>
    <xf numFmtId="0" fontId="3" fillId="0" borderId="27" xfId="0" applyFont="1" applyFill="1" applyBorder="1" applyAlignment="1">
      <alignment horizontal="left" vertical="center"/>
    </xf>
    <xf numFmtId="0" fontId="3" fillId="0" borderId="0" xfId="0" applyFont="1" applyFill="1" applyAlignment="1">
      <alignment horizontal="center" vertical="center"/>
    </xf>
    <xf numFmtId="0" fontId="3" fillId="0" borderId="1" xfId="0" applyFont="1" applyFill="1" applyBorder="1" applyAlignment="1">
      <alignment vertical="center" wrapText="1"/>
    </xf>
    <xf numFmtId="0" fontId="0" fillId="0" borderId="48" xfId="0" applyFont="1" applyFill="1" applyBorder="1" applyAlignment="1">
      <alignment horizontal="left" vertical="center"/>
    </xf>
    <xf numFmtId="0" fontId="0" fillId="0" borderId="49" xfId="0" applyFont="1" applyFill="1" applyBorder="1" applyAlignment="1">
      <alignment horizontal="left" vertical="center"/>
    </xf>
    <xf numFmtId="0" fontId="0" fillId="0" borderId="46" xfId="0" applyFont="1" applyFill="1" applyBorder="1" applyAlignment="1">
      <alignment vertical="center"/>
    </xf>
    <xf numFmtId="0" fontId="0" fillId="0" borderId="47" xfId="0" applyFont="1" applyFill="1" applyBorder="1" applyAlignment="1">
      <alignment vertical="center"/>
    </xf>
    <xf numFmtId="0" fontId="3" fillId="0" borderId="46" xfId="0" applyFont="1" applyFill="1" applyBorder="1" applyAlignment="1">
      <alignment vertical="center"/>
    </xf>
    <xf numFmtId="0" fontId="3" fillId="0" borderId="57" xfId="0" applyFont="1" applyFill="1" applyBorder="1" applyAlignment="1">
      <alignment vertical="center"/>
    </xf>
    <xf numFmtId="0" fontId="0" fillId="0" borderId="57" xfId="0" applyFont="1" applyFill="1" applyBorder="1" applyAlignment="1">
      <alignment vertical="center"/>
    </xf>
    <xf numFmtId="0" fontId="0" fillId="0" borderId="58" xfId="0" applyFont="1" applyFill="1" applyBorder="1" applyAlignment="1">
      <alignment vertical="center"/>
    </xf>
    <xf numFmtId="0" fontId="3" fillId="0" borderId="1" xfId="0" applyFont="1" applyFill="1" applyBorder="1" applyAlignment="1">
      <alignment vertical="top"/>
    </xf>
    <xf numFmtId="0" fontId="3" fillId="0" borderId="16" xfId="0" applyFont="1" applyFill="1" applyBorder="1" applyAlignment="1">
      <alignment vertical="top"/>
    </xf>
    <xf numFmtId="0" fontId="3" fillId="0" borderId="5" xfId="0" applyFont="1" applyFill="1" applyBorder="1" applyAlignment="1">
      <alignment vertical="top"/>
    </xf>
    <xf numFmtId="0" fontId="3" fillId="0" borderId="15" xfId="0" applyFont="1" applyFill="1" applyBorder="1" applyAlignment="1">
      <alignment vertical="top"/>
    </xf>
    <xf numFmtId="0" fontId="3" fillId="0" borderId="17" xfId="0" applyFont="1" applyFill="1" applyBorder="1" applyAlignment="1">
      <alignment horizontal="center" vertical="center" wrapText="1"/>
    </xf>
    <xf numFmtId="0" fontId="3" fillId="0" borderId="15" xfId="0" applyFont="1" applyFill="1" applyBorder="1" applyAlignment="1">
      <alignment vertical="center"/>
    </xf>
    <xf numFmtId="0" fontId="3" fillId="0" borderId="27" xfId="0" applyFont="1" applyFill="1" applyBorder="1" applyAlignment="1">
      <alignment horizontal="center" vertical="center"/>
    </xf>
    <xf numFmtId="0" fontId="3" fillId="0" borderId="17" xfId="0" applyFont="1" applyFill="1" applyBorder="1" applyAlignment="1">
      <alignment vertical="center"/>
    </xf>
    <xf numFmtId="0" fontId="0" fillId="0" borderId="0" xfId="0" applyBorder="1" applyAlignment="1">
      <alignment horizontal="center" vertical="center"/>
    </xf>
    <xf numFmtId="0" fontId="3" fillId="0" borderId="16" xfId="0" applyFont="1" applyFill="1" applyBorder="1" applyAlignment="1">
      <alignment vertical="center"/>
    </xf>
    <xf numFmtId="0" fontId="7" fillId="0" borderId="0" xfId="0" applyFont="1" applyFill="1" applyAlignment="1">
      <alignment horizontal="center" vertical="center"/>
    </xf>
    <xf numFmtId="0" fontId="0" fillId="0" borderId="16" xfId="0" applyBorder="1" applyAlignment="1">
      <alignment horizontal="center" vertical="center"/>
    </xf>
    <xf numFmtId="0" fontId="0" fillId="0" borderId="13" xfId="0" applyFont="1" applyFill="1" applyBorder="1" applyAlignment="1">
      <alignment vertical="center"/>
    </xf>
    <xf numFmtId="0" fontId="0" fillId="0" borderId="45" xfId="0" applyBorder="1" applyAlignment="1">
      <alignment horizontal="center" vertical="center"/>
    </xf>
    <xf numFmtId="0" fontId="0" fillId="0" borderId="46" xfId="0" applyBorder="1" applyAlignment="1">
      <alignment horizontal="center" vertical="center"/>
    </xf>
    <xf numFmtId="0" fontId="0" fillId="0" borderId="43" xfId="0" applyFont="1" applyFill="1" applyBorder="1" applyAlignment="1">
      <alignment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3" xfId="0" applyBorder="1" applyAlignment="1">
      <alignment horizontal="center" vertical="center"/>
    </xf>
    <xf numFmtId="0" fontId="0" fillId="0" borderId="17" xfId="0" applyBorder="1" applyAlignment="1">
      <alignment horizontal="center" vertical="center"/>
    </xf>
    <xf numFmtId="0" fontId="0" fillId="0" borderId="44" xfId="0" applyFont="1" applyFill="1" applyBorder="1" applyAlignment="1">
      <alignment vertical="center"/>
    </xf>
    <xf numFmtId="0" fontId="0" fillId="0" borderId="14" xfId="0" applyFont="1" applyFill="1" applyBorder="1" applyAlignment="1">
      <alignment vertical="center"/>
    </xf>
    <xf numFmtId="0" fontId="0" fillId="0" borderId="15" xfId="0" applyFont="1" applyFill="1" applyBorder="1" applyAlignment="1">
      <alignment vertical="center"/>
    </xf>
    <xf numFmtId="0" fontId="0" fillId="0" borderId="27" xfId="0" applyFont="1" applyFill="1" applyBorder="1" applyAlignment="1">
      <alignment vertical="center"/>
    </xf>
    <xf numFmtId="0" fontId="3" fillId="0" borderId="32"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46" xfId="0" applyFont="1" applyFill="1" applyBorder="1" applyAlignment="1">
      <alignment horizontal="left" vertical="center"/>
    </xf>
    <xf numFmtId="0" fontId="3" fillId="0" borderId="16" xfId="0" applyFont="1" applyFill="1" applyBorder="1" applyAlignment="1">
      <alignment horizontal="center" vertical="center" wrapText="1"/>
    </xf>
    <xf numFmtId="0" fontId="0" fillId="0" borderId="56" xfId="0" applyBorder="1" applyAlignment="1">
      <alignment horizontal="center" vertical="center"/>
    </xf>
    <xf numFmtId="0" fontId="0" fillId="0" borderId="57" xfId="0" applyBorder="1" applyAlignment="1">
      <alignment horizontal="center" vertical="center"/>
    </xf>
    <xf numFmtId="0" fontId="3" fillId="0" borderId="1" xfId="0" applyFont="1" applyFill="1" applyBorder="1" applyAlignment="1">
      <alignment horizontal="center" vertical="center"/>
    </xf>
    <xf numFmtId="0" fontId="3" fillId="0" borderId="15" xfId="0" applyFont="1" applyFill="1" applyBorder="1" applyAlignment="1">
      <alignment horizontal="center" vertical="center"/>
    </xf>
    <xf numFmtId="0" fontId="3" fillId="0" borderId="28" xfId="0" applyFont="1" applyFill="1" applyBorder="1" applyAlignment="1">
      <alignment horizontal="left" vertical="center"/>
    </xf>
    <xf numFmtId="0" fontId="3" fillId="0" borderId="29" xfId="0" applyFont="1" applyFill="1" applyBorder="1" applyAlignment="1">
      <alignment horizontal="left" vertical="center"/>
    </xf>
    <xf numFmtId="0" fontId="3" fillId="0" borderId="29" xfId="0" applyFont="1" applyFill="1" applyBorder="1" applyAlignment="1">
      <alignment horizontal="left" vertical="center" wrapText="1"/>
    </xf>
    <xf numFmtId="0" fontId="3" fillId="0" borderId="3" xfId="0" applyFont="1" applyFill="1" applyBorder="1" applyAlignment="1">
      <alignment horizontal="center" vertical="center" wrapText="1"/>
    </xf>
    <xf numFmtId="0" fontId="3" fillId="0" borderId="0" xfId="0" applyFont="1" applyFill="1" applyBorder="1" applyAlignment="1">
      <alignment vertical="center" wrapText="1"/>
    </xf>
    <xf numFmtId="0" fontId="4" fillId="0" borderId="6" xfId="42" applyFont="1" applyFill="1" applyBorder="1" applyAlignment="1">
      <alignment horizontal="center" vertical="center"/>
    </xf>
    <xf numFmtId="0" fontId="4" fillId="0" borderId="7" xfId="42" applyFont="1" applyFill="1" applyBorder="1" applyAlignment="1">
      <alignment horizontal="center" vertical="center"/>
    </xf>
    <xf numFmtId="0" fontId="3" fillId="0" borderId="0" xfId="0" applyFont="1" applyFill="1" applyAlignment="1">
      <alignment horizontal="left" vertical="center" wrapText="1"/>
    </xf>
    <xf numFmtId="0" fontId="3" fillId="0" borderId="0" xfId="0" applyFont="1" applyFill="1" applyAlignment="1">
      <alignment horizontal="left" vertical="center"/>
    </xf>
    <xf numFmtId="0" fontId="3" fillId="0" borderId="0" xfId="0" applyFont="1" applyFill="1" applyAlignment="1">
      <alignment horizontal="center" vertical="center"/>
    </xf>
    <xf numFmtId="0" fontId="3" fillId="0" borderId="0" xfId="0" applyFont="1" applyFill="1" applyBorder="1" applyAlignment="1">
      <alignment horizontal="justify" vertical="center" wrapText="1"/>
    </xf>
    <xf numFmtId="0" fontId="3" fillId="0" borderId="7" xfId="0" applyFont="1" applyFill="1" applyBorder="1" applyAlignment="1">
      <alignment horizontal="left"/>
    </xf>
    <xf numFmtId="0" fontId="3" fillId="0" borderId="3" xfId="0" applyFont="1" applyFill="1" applyBorder="1" applyAlignment="1">
      <alignment horizontal="left"/>
    </xf>
    <xf numFmtId="0" fontId="3" fillId="0" borderId="4" xfId="0" applyFont="1" applyFill="1" applyBorder="1" applyAlignment="1">
      <alignment horizontal="left"/>
    </xf>
    <xf numFmtId="0" fontId="3" fillId="0" borderId="1" xfId="0" applyFont="1" applyFill="1" applyBorder="1" applyAlignment="1">
      <alignment horizontal="left"/>
    </xf>
    <xf numFmtId="0" fontId="3" fillId="0" borderId="0" xfId="0" applyFont="1" applyFill="1" applyAlignment="1">
      <alignment horizontal="right" vertical="center"/>
    </xf>
    <xf numFmtId="0" fontId="3" fillId="0" borderId="6" xfId="0" applyFont="1" applyFill="1" applyBorder="1" applyAlignment="1">
      <alignment horizontal="left" vertical="center"/>
    </xf>
    <xf numFmtId="0" fontId="3" fillId="0" borderId="0" xfId="0" applyFont="1" applyFill="1" applyBorder="1" applyAlignment="1">
      <alignment horizontal="left" vertical="center"/>
    </xf>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16" xfId="0" applyFont="1" applyFill="1" applyBorder="1" applyAlignment="1">
      <alignment horizontal="center" vertical="center"/>
    </xf>
    <xf numFmtId="0" fontId="3" fillId="0" borderId="5" xfId="0" applyFont="1" applyFill="1" applyBorder="1" applyAlignment="1">
      <alignment horizontal="center" vertical="center"/>
    </xf>
    <xf numFmtId="0" fontId="3" fillId="0" borderId="15" xfId="0" applyFont="1" applyFill="1" applyBorder="1" applyAlignment="1">
      <alignment horizontal="center" vertical="center"/>
    </xf>
    <xf numFmtId="0" fontId="3" fillId="0" borderId="5" xfId="0" applyFont="1" applyFill="1" applyBorder="1" applyAlignment="1">
      <alignment horizontal="left" vertical="center"/>
    </xf>
    <xf numFmtId="0" fontId="3" fillId="0" borderId="0" xfId="0" applyFont="1" applyFill="1" applyAlignment="1">
      <alignment horizontal="left" vertical="center"/>
    </xf>
    <xf numFmtId="0" fontId="3" fillId="0" borderId="0" xfId="0" applyFont="1" applyFill="1" applyAlignment="1">
      <alignment horizontal="center" vertical="center"/>
    </xf>
    <xf numFmtId="0" fontId="3" fillId="0" borderId="0" xfId="0" applyFont="1" applyFill="1" applyAlignment="1">
      <alignment horizontal="right" vertical="center"/>
    </xf>
    <xf numFmtId="0" fontId="3" fillId="0" borderId="2" xfId="0" applyFont="1" applyFill="1" applyBorder="1" applyAlignment="1">
      <alignment horizontal="left" vertical="center"/>
    </xf>
    <xf numFmtId="0" fontId="3" fillId="0" borderId="6" xfId="0" applyFont="1" applyFill="1" applyBorder="1" applyAlignment="1">
      <alignment horizontal="left" vertical="center"/>
    </xf>
    <xf numFmtId="0" fontId="3" fillId="0" borderId="6" xfId="42" applyFont="1" applyFill="1" applyBorder="1" applyAlignment="1">
      <alignment horizontal="center" vertical="center"/>
    </xf>
    <xf numFmtId="0" fontId="3" fillId="0" borderId="7" xfId="0" applyFont="1" applyFill="1" applyBorder="1" applyAlignment="1">
      <alignment vertical="center"/>
    </xf>
    <xf numFmtId="0" fontId="3" fillId="0" borderId="0" xfId="42" applyFont="1" applyFill="1" applyBorder="1" applyAlignment="1">
      <alignment horizontal="center" vertical="center"/>
    </xf>
    <xf numFmtId="0" fontId="3" fillId="0" borderId="7" xfId="42" applyFont="1" applyFill="1" applyBorder="1" applyAlignment="1">
      <alignment horizontal="center" vertical="center"/>
    </xf>
    <xf numFmtId="0" fontId="3" fillId="0" borderId="4" xfId="0" applyFont="1" applyFill="1" applyBorder="1" applyAlignment="1">
      <alignment vertical="center" shrinkToFit="1"/>
    </xf>
    <xf numFmtId="0" fontId="3" fillId="0" borderId="16" xfId="42" applyFont="1" applyFill="1" applyBorder="1" applyAlignment="1">
      <alignment horizontal="center" vertical="center"/>
    </xf>
    <xf numFmtId="0" fontId="3" fillId="0" borderId="5" xfId="42" applyFont="1" applyFill="1" applyBorder="1" applyAlignment="1">
      <alignment horizontal="center" vertical="center"/>
    </xf>
    <xf numFmtId="0" fontId="3" fillId="0" borderId="5" xfId="0" applyFont="1" applyFill="1" applyBorder="1" applyAlignment="1">
      <alignment vertical="center" shrinkToFit="1"/>
    </xf>
    <xf numFmtId="0" fontId="27" fillId="0" borderId="0" xfId="0" applyFont="1" applyFill="1" applyBorder="1" applyAlignment="1">
      <alignment horizontal="center" vertical="center"/>
    </xf>
    <xf numFmtId="0" fontId="3" fillId="0" borderId="17"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8" xfId="0" applyFont="1" applyFill="1" applyBorder="1" applyAlignment="1">
      <alignment vertical="center"/>
    </xf>
    <xf numFmtId="0" fontId="3" fillId="0" borderId="0" xfId="0" quotePrefix="1" applyFont="1" applyFill="1" applyBorder="1" applyAlignment="1">
      <alignment horizontal="left" vertical="center"/>
    </xf>
    <xf numFmtId="0" fontId="4" fillId="0" borderId="0" xfId="0" applyFont="1" applyFill="1" applyBorder="1" applyAlignment="1">
      <alignment horizontal="center" vertical="center"/>
    </xf>
    <xf numFmtId="0" fontId="3" fillId="0" borderId="7" xfId="0" applyNumberFormat="1" applyFont="1" applyFill="1" applyBorder="1" applyAlignment="1">
      <alignment horizontal="center" vertical="center"/>
    </xf>
    <xf numFmtId="0" fontId="3" fillId="0" borderId="8" xfId="0" applyFont="1" applyFill="1" applyBorder="1" applyAlignment="1">
      <alignment horizontal="left" vertical="center"/>
    </xf>
    <xf numFmtId="0" fontId="3" fillId="0" borderId="0" xfId="0" applyNumberFormat="1" applyFont="1" applyFill="1" applyBorder="1" applyAlignment="1">
      <alignment horizontal="left" vertical="center"/>
    </xf>
    <xf numFmtId="0" fontId="3" fillId="0" borderId="0" xfId="0" applyNumberFormat="1" applyFont="1" applyFill="1" applyBorder="1" applyAlignment="1">
      <alignment vertical="center"/>
    </xf>
    <xf numFmtId="0" fontId="3" fillId="0" borderId="0" xfId="0" applyNumberFormat="1" applyFont="1" applyFill="1" applyBorder="1" applyAlignment="1">
      <alignment horizontal="center" vertical="center"/>
    </xf>
    <xf numFmtId="0" fontId="3" fillId="0" borderId="6" xfId="0" applyNumberFormat="1" applyFont="1" applyFill="1" applyBorder="1" applyAlignment="1">
      <alignment vertical="center"/>
    </xf>
    <xf numFmtId="0" fontId="3" fillId="0" borderId="8" xfId="0" applyNumberFormat="1" applyFont="1" applyFill="1" applyBorder="1" applyAlignment="1">
      <alignment horizontal="center" vertical="center"/>
    </xf>
    <xf numFmtId="0" fontId="3" fillId="0" borderId="7" xfId="0" applyNumberFormat="1" applyFont="1" applyFill="1" applyBorder="1" applyAlignment="1">
      <alignment horizontal="left" vertical="center"/>
    </xf>
    <xf numFmtId="0" fontId="3" fillId="0" borderId="8" xfId="0" applyNumberFormat="1" applyFont="1" applyFill="1" applyBorder="1" applyAlignment="1">
      <alignment horizontal="left" vertical="center"/>
    </xf>
    <xf numFmtId="0" fontId="3" fillId="0" borderId="3" xfId="0" applyNumberFormat="1" applyFont="1" applyFill="1" applyBorder="1" applyAlignment="1">
      <alignment horizontal="center" vertical="center"/>
    </xf>
    <xf numFmtId="0" fontId="3" fillId="0" borderId="4" xfId="0" applyNumberFormat="1" applyFont="1" applyFill="1" applyBorder="1" applyAlignment="1">
      <alignment horizontal="center" vertical="center"/>
    </xf>
    <xf numFmtId="0" fontId="3" fillId="0" borderId="4" xfId="0" applyNumberFormat="1" applyFont="1" applyFill="1" applyBorder="1" applyAlignment="1">
      <alignment horizontal="left" vertical="center"/>
    </xf>
    <xf numFmtId="0" fontId="3" fillId="0" borderId="1" xfId="0" applyNumberFormat="1" applyFont="1" applyFill="1" applyBorder="1" applyAlignment="1">
      <alignment horizontal="left" vertical="center"/>
    </xf>
    <xf numFmtId="0" fontId="3" fillId="0" borderId="17" xfId="0" applyNumberFormat="1" applyFont="1" applyFill="1" applyBorder="1" applyAlignment="1">
      <alignment horizontal="center" vertical="center"/>
    </xf>
    <xf numFmtId="0" fontId="3" fillId="0" borderId="27" xfId="0" applyNumberFormat="1" applyFont="1" applyFill="1" applyBorder="1" applyAlignment="1">
      <alignment horizontal="left" vertical="center"/>
    </xf>
    <xf numFmtId="0" fontId="3" fillId="0" borderId="16" xfId="0" applyNumberFormat="1" applyFont="1" applyFill="1" applyBorder="1" applyAlignment="1">
      <alignment horizontal="left" vertical="center"/>
    </xf>
    <xf numFmtId="0" fontId="3" fillId="0" borderId="5" xfId="0" applyNumberFormat="1" applyFont="1" applyFill="1" applyBorder="1" applyAlignment="1">
      <alignment horizontal="left" vertical="center"/>
    </xf>
    <xf numFmtId="0" fontId="3" fillId="0" borderId="5" xfId="0" applyNumberFormat="1" applyFont="1" applyFill="1" applyBorder="1" applyAlignment="1">
      <alignment vertical="center"/>
    </xf>
    <xf numFmtId="0" fontId="3" fillId="0" borderId="15" xfId="0" applyNumberFormat="1" applyFont="1" applyFill="1" applyBorder="1" applyAlignment="1">
      <alignment vertical="center"/>
    </xf>
    <xf numFmtId="0" fontId="3" fillId="0" borderId="0" xfId="0" applyNumberFormat="1" applyFont="1" applyFill="1" applyAlignment="1">
      <alignment horizontal="left" vertical="center"/>
    </xf>
    <xf numFmtId="0" fontId="3" fillId="0" borderId="0" xfId="0" applyNumberFormat="1" applyFont="1" applyFill="1" applyAlignment="1">
      <alignment horizontal="left"/>
    </xf>
    <xf numFmtId="0" fontId="3" fillId="0" borderId="0" xfId="0" applyFont="1" applyFill="1" applyAlignment="1">
      <alignment horizontal="left" vertical="center"/>
    </xf>
    <xf numFmtId="0" fontId="3" fillId="0" borderId="0" xfId="0" applyFont="1" applyFill="1" applyAlignment="1">
      <alignment horizontal="center" vertical="center"/>
    </xf>
    <xf numFmtId="0" fontId="0" fillId="0" borderId="0" xfId="46" applyFont="1" applyAlignment="1">
      <alignment vertical="center"/>
    </xf>
    <xf numFmtId="0" fontId="29" fillId="0" borderId="0" xfId="46" applyFont="1" applyAlignment="1">
      <alignment horizontal="center" vertical="center"/>
    </xf>
    <xf numFmtId="0" fontId="28" fillId="0" borderId="5" xfId="46" applyFont="1" applyBorder="1" applyAlignment="1">
      <alignment vertical="center"/>
    </xf>
    <xf numFmtId="0" fontId="0" fillId="0" borderId="5" xfId="46" applyFont="1" applyBorder="1" applyAlignment="1">
      <alignment vertical="center"/>
    </xf>
    <xf numFmtId="0" fontId="28" fillId="0" borderId="0" xfId="46" applyFont="1" applyBorder="1" applyAlignment="1">
      <alignment vertical="center"/>
    </xf>
    <xf numFmtId="0" fontId="0" fillId="0" borderId="0" xfId="46" applyFont="1" applyAlignment="1">
      <alignment horizontal="center" vertical="center"/>
    </xf>
    <xf numFmtId="0" fontId="0" fillId="0" borderId="0" xfId="46" applyFont="1" applyBorder="1" applyAlignment="1">
      <alignment vertical="center"/>
    </xf>
    <xf numFmtId="0" fontId="30" fillId="0" borderId="0" xfId="46" applyFont="1" applyBorder="1" applyAlignment="1">
      <alignment vertical="center"/>
    </xf>
    <xf numFmtId="0" fontId="31" fillId="0" borderId="0" xfId="46" applyFont="1" applyAlignment="1">
      <alignment vertical="center"/>
    </xf>
    <xf numFmtId="0" fontId="31" fillId="0" borderId="0" xfId="46" applyFont="1" applyBorder="1" applyAlignment="1">
      <alignment vertical="center"/>
    </xf>
    <xf numFmtId="0" fontId="0" fillId="0" borderId="4" xfId="46" applyFont="1" applyBorder="1" applyAlignment="1">
      <alignment horizontal="center" vertical="center" wrapText="1"/>
    </xf>
    <xf numFmtId="0" fontId="0" fillId="0" borderId="4" xfId="46" applyFont="1" applyBorder="1" applyAlignment="1">
      <alignment horizontal="left" vertical="center"/>
    </xf>
    <xf numFmtId="0" fontId="0" fillId="0" borderId="0" xfId="46" applyFont="1" applyBorder="1" applyAlignment="1">
      <alignment horizontal="left" vertical="center"/>
    </xf>
    <xf numFmtId="0" fontId="0" fillId="0" borderId="0" xfId="46" applyFont="1" applyAlignment="1">
      <alignment horizontal="left" vertical="center"/>
    </xf>
    <xf numFmtId="0" fontId="0" fillId="0" borderId="6" xfId="46" applyFont="1" applyBorder="1" applyAlignment="1">
      <alignment vertical="center"/>
    </xf>
    <xf numFmtId="0" fontId="0" fillId="0" borderId="7" xfId="46" applyFont="1" applyBorder="1" applyAlignment="1">
      <alignment vertical="center"/>
    </xf>
    <xf numFmtId="0" fontId="0" fillId="0" borderId="7" xfId="46" applyFont="1" applyBorder="1" applyAlignment="1">
      <alignment horizontal="center" vertical="center"/>
    </xf>
    <xf numFmtId="0" fontId="0" fillId="0" borderId="8" xfId="46" applyFont="1" applyBorder="1" applyAlignment="1">
      <alignment horizontal="center" vertical="center"/>
    </xf>
    <xf numFmtId="0" fontId="0" fillId="0" borderId="0" xfId="46" applyFont="1" applyAlignment="1">
      <alignment vertical="center" wrapText="1"/>
    </xf>
    <xf numFmtId="0" fontId="0" fillId="0" borderId="0" xfId="46" applyFont="1" applyAlignment="1">
      <alignment vertical="top"/>
    </xf>
    <xf numFmtId="0" fontId="0" fillId="0" borderId="0" xfId="46" applyFont="1" applyBorder="1" applyAlignment="1">
      <alignment horizontal="left" vertical="top" wrapText="1"/>
    </xf>
    <xf numFmtId="0" fontId="0" fillId="0" borderId="0" xfId="46" applyFont="1" applyBorder="1" applyAlignment="1">
      <alignment vertical="top" wrapText="1"/>
    </xf>
    <xf numFmtId="0" fontId="0" fillId="0" borderId="0" xfId="46" applyFont="1" applyAlignment="1"/>
    <xf numFmtId="0" fontId="0" fillId="0" borderId="0" xfId="46" applyFont="1" applyAlignment="1">
      <alignment horizontal="left" vertical="center" indent="1"/>
    </xf>
    <xf numFmtId="0" fontId="0" fillId="0" borderId="10" xfId="46" applyFont="1" applyBorder="1" applyAlignment="1">
      <alignment horizontal="center" vertical="center"/>
    </xf>
    <xf numFmtId="0" fontId="0" fillId="0" borderId="77" xfId="46" applyFont="1" applyBorder="1" applyAlignment="1">
      <alignment horizontal="center" vertical="center"/>
    </xf>
    <xf numFmtId="0" fontId="0" fillId="0" borderId="10" xfId="46" applyFont="1" applyBorder="1" applyAlignment="1">
      <alignment horizontal="right" vertical="center"/>
    </xf>
    <xf numFmtId="0" fontId="0" fillId="0" borderId="77" xfId="46" applyFont="1" applyBorder="1" applyAlignment="1">
      <alignment horizontal="right" vertical="center"/>
    </xf>
    <xf numFmtId="0" fontId="0" fillId="0" borderId="0" xfId="46" applyFont="1" applyBorder="1" applyAlignment="1">
      <alignment horizontal="right" vertical="center"/>
    </xf>
    <xf numFmtId="0" fontId="0" fillId="0" borderId="0" xfId="46" applyFont="1" applyBorder="1" applyAlignment="1">
      <alignment horizontal="center" vertical="center"/>
    </xf>
    <xf numFmtId="0" fontId="0" fillId="0" borderId="0" xfId="46" applyFont="1" applyBorder="1" applyAlignment="1">
      <alignment horizontal="center" vertical="center" wrapText="1"/>
    </xf>
    <xf numFmtId="0" fontId="0" fillId="0" borderId="0" xfId="46" applyFont="1" applyBorder="1" applyAlignment="1">
      <alignment vertical="center" wrapText="1"/>
    </xf>
    <xf numFmtId="0" fontId="0" fillId="0" borderId="4" xfId="46" applyFont="1" applyBorder="1" applyAlignment="1">
      <alignment horizontal="center" vertical="center"/>
    </xf>
    <xf numFmtId="0" fontId="0" fillId="0" borderId="4" xfId="46" applyFont="1" applyBorder="1" applyAlignment="1">
      <alignment horizontal="right" vertical="center"/>
    </xf>
    <xf numFmtId="0" fontId="0" fillId="0" borderId="3" xfId="46" applyFont="1" applyBorder="1" applyAlignment="1">
      <alignment vertical="center"/>
    </xf>
    <xf numFmtId="0" fontId="0" fillId="0" borderId="4" xfId="46" applyFont="1" applyBorder="1" applyAlignment="1">
      <alignment vertical="center"/>
    </xf>
    <xf numFmtId="0" fontId="0" fillId="0" borderId="1" xfId="46" applyFont="1" applyBorder="1" applyAlignment="1">
      <alignment vertical="center"/>
    </xf>
    <xf numFmtId="0" fontId="0" fillId="0" borderId="17" xfId="46" applyFont="1" applyBorder="1" applyAlignment="1">
      <alignment vertical="center"/>
    </xf>
    <xf numFmtId="0" fontId="0" fillId="0" borderId="0" xfId="46" applyFont="1" applyBorder="1" applyAlignment="1">
      <alignment horizontal="left" vertical="center" wrapText="1"/>
    </xf>
    <xf numFmtId="0" fontId="0" fillId="0" borderId="27" xfId="46" applyFont="1" applyBorder="1" applyAlignment="1">
      <alignment horizontal="left" vertical="center" wrapText="1"/>
    </xf>
    <xf numFmtId="0" fontId="0" fillId="0" borderId="17" xfId="46" applyFont="1" applyBorder="1" applyAlignment="1">
      <alignment horizontal="left" vertical="center" wrapText="1"/>
    </xf>
    <xf numFmtId="0" fontId="0" fillId="0" borderId="51" xfId="46" applyFont="1" applyBorder="1" applyAlignment="1">
      <alignment vertical="center"/>
    </xf>
    <xf numFmtId="0" fontId="0" fillId="0" borderId="48" xfId="46" applyFont="1" applyBorder="1" applyAlignment="1">
      <alignment horizontal="left" vertical="center" wrapText="1"/>
    </xf>
    <xf numFmtId="0" fontId="0" fillId="0" borderId="49" xfId="46" applyFont="1" applyBorder="1" applyAlignment="1">
      <alignment horizontal="left" vertical="center" wrapText="1"/>
    </xf>
    <xf numFmtId="0" fontId="0" fillId="0" borderId="51" xfId="46" applyFont="1" applyBorder="1" applyAlignment="1">
      <alignment horizontal="left" vertical="center" wrapText="1"/>
    </xf>
    <xf numFmtId="0" fontId="0" fillId="0" borderId="78" xfId="46" applyFont="1" applyBorder="1" applyAlignment="1">
      <alignment vertical="center"/>
    </xf>
    <xf numFmtId="0" fontId="0" fillId="0" borderId="5" xfId="46" applyFont="1" applyBorder="1" applyAlignment="1">
      <alignment horizontal="center" vertical="center" wrapText="1"/>
    </xf>
    <xf numFmtId="0" fontId="0" fillId="0" borderId="5" xfId="46" applyFont="1" applyBorder="1" applyAlignment="1">
      <alignment vertical="center" wrapText="1"/>
    </xf>
    <xf numFmtId="0" fontId="0" fillId="0" borderId="16" xfId="46" applyFont="1" applyBorder="1" applyAlignment="1">
      <alignment vertical="center" wrapText="1"/>
    </xf>
    <xf numFmtId="0" fontId="0" fillId="0" borderId="15" xfId="46" applyFont="1" applyBorder="1" applyAlignment="1">
      <alignment vertical="center" wrapText="1"/>
    </xf>
    <xf numFmtId="0" fontId="0" fillId="0" borderId="16" xfId="46" applyFont="1" applyBorder="1" applyAlignment="1">
      <alignment vertical="center"/>
    </xf>
    <xf numFmtId="0" fontId="3" fillId="0" borderId="70" xfId="0" applyFont="1" applyFill="1" applyBorder="1" applyAlignment="1">
      <alignment horizontal="center" vertical="center"/>
    </xf>
    <xf numFmtId="0" fontId="3" fillId="0" borderId="72" xfId="0" applyFont="1" applyFill="1" applyBorder="1" applyAlignment="1">
      <alignment horizontal="center" vertical="center"/>
    </xf>
    <xf numFmtId="0" fontId="3" fillId="0" borderId="71" xfId="0" applyFont="1" applyFill="1" applyBorder="1" applyAlignment="1">
      <alignment horizontal="center" vertical="center"/>
    </xf>
    <xf numFmtId="0" fontId="3" fillId="0" borderId="73" xfId="0" applyFont="1" applyFill="1" applyBorder="1" applyAlignment="1">
      <alignment horizontal="center" vertical="center"/>
    </xf>
    <xf numFmtId="0" fontId="3" fillId="0" borderId="74" xfId="0" applyFont="1" applyFill="1" applyBorder="1" applyAlignment="1">
      <alignment horizontal="center" vertical="center"/>
    </xf>
    <xf numFmtId="0" fontId="3" fillId="0" borderId="75" xfId="0" applyFont="1" applyFill="1" applyBorder="1" applyAlignment="1">
      <alignment horizontal="center" vertical="center"/>
    </xf>
    <xf numFmtId="0" fontId="3" fillId="0" borderId="25" xfId="0" applyFont="1" applyFill="1" applyBorder="1" applyAlignment="1">
      <alignment horizontal="left" vertical="center"/>
    </xf>
    <xf numFmtId="0" fontId="3" fillId="0" borderId="31" xfId="0" applyFont="1" applyFill="1" applyBorder="1" applyAlignment="1">
      <alignment horizontal="left" vertical="center"/>
    </xf>
    <xf numFmtId="0" fontId="3" fillId="0" borderId="3"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16" xfId="0" applyFont="1" applyFill="1" applyBorder="1" applyAlignment="1">
      <alignment horizontal="center" vertical="center"/>
    </xf>
    <xf numFmtId="0" fontId="3" fillId="0" borderId="5" xfId="0" applyFont="1" applyFill="1" applyBorder="1" applyAlignment="1">
      <alignment horizontal="center" vertical="center"/>
    </xf>
    <xf numFmtId="0" fontId="3" fillId="0" borderId="15" xfId="0" applyFont="1" applyFill="1" applyBorder="1" applyAlignment="1">
      <alignment horizontal="center" vertical="center"/>
    </xf>
    <xf numFmtId="0" fontId="7" fillId="0" borderId="0" xfId="0" applyFont="1" applyFill="1" applyBorder="1" applyAlignment="1">
      <alignment horizontal="center" vertical="center"/>
    </xf>
    <xf numFmtId="0" fontId="3" fillId="0" borderId="6" xfId="0" applyFont="1" applyFill="1" applyBorder="1" applyAlignment="1">
      <alignment horizontal="center" vertical="center"/>
    </xf>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0" xfId="0" applyFont="1" applyFill="1" applyAlignment="1">
      <alignment vertical="top" wrapText="1"/>
    </xf>
    <xf numFmtId="0" fontId="3" fillId="0" borderId="0" xfId="0" applyFont="1" applyFill="1" applyAlignment="1">
      <alignment vertical="top"/>
    </xf>
    <xf numFmtId="0" fontId="3" fillId="0" borderId="76" xfId="0" applyFont="1" applyFill="1" applyBorder="1" applyAlignment="1">
      <alignment horizontal="left" vertical="center" wrapText="1"/>
    </xf>
    <xf numFmtId="0" fontId="3" fillId="0" borderId="38" xfId="0" applyFont="1" applyFill="1" applyBorder="1" applyAlignment="1">
      <alignment horizontal="left" vertical="center" wrapText="1"/>
    </xf>
    <xf numFmtId="0" fontId="3" fillId="0" borderId="39" xfId="0" applyFont="1" applyFill="1" applyBorder="1" applyAlignment="1">
      <alignment horizontal="center" vertical="center"/>
    </xf>
    <xf numFmtId="0" fontId="3" fillId="0" borderId="40" xfId="0" applyFont="1" applyFill="1" applyBorder="1" applyAlignment="1">
      <alignment horizontal="center" vertical="center"/>
    </xf>
    <xf numFmtId="0" fontId="3" fillId="0" borderId="41" xfId="0" applyFont="1" applyFill="1" applyBorder="1" applyAlignment="1">
      <alignment horizontal="center" vertical="center"/>
    </xf>
    <xf numFmtId="0" fontId="3" fillId="0" borderId="48" xfId="0" applyFont="1" applyFill="1" applyBorder="1" applyAlignment="1">
      <alignment horizontal="center" vertical="center" wrapText="1"/>
    </xf>
    <xf numFmtId="0" fontId="3" fillId="0" borderId="57" xfId="0" applyFont="1" applyFill="1" applyBorder="1" applyAlignment="1">
      <alignment horizontal="center" vertical="center" wrapText="1"/>
    </xf>
    <xf numFmtId="0" fontId="3" fillId="0" borderId="48" xfId="0" applyFont="1" applyFill="1" applyBorder="1" applyAlignment="1">
      <alignment horizontal="left" vertical="center"/>
    </xf>
    <xf numFmtId="0" fontId="3" fillId="0" borderId="57" xfId="0" applyFont="1" applyFill="1" applyBorder="1" applyAlignment="1">
      <alignment horizontal="left" vertical="center"/>
    </xf>
    <xf numFmtId="0" fontId="3" fillId="0" borderId="45" xfId="0" applyFont="1" applyFill="1" applyBorder="1" applyAlignment="1">
      <alignment horizontal="center" vertical="center" wrapText="1"/>
    </xf>
    <xf numFmtId="0" fontId="3" fillId="0" borderId="46" xfId="0" applyFont="1" applyFill="1" applyBorder="1" applyAlignment="1">
      <alignment horizontal="left" vertical="center"/>
    </xf>
    <xf numFmtId="0" fontId="3" fillId="0" borderId="46" xfId="0" applyFont="1" applyFill="1" applyBorder="1" applyAlignment="1">
      <alignment horizontal="center" vertical="center" wrapText="1"/>
    </xf>
    <xf numFmtId="0" fontId="3" fillId="0" borderId="0" xfId="0" applyFont="1" applyFill="1" applyAlignment="1">
      <alignment horizontal="center" vertical="center"/>
    </xf>
    <xf numFmtId="0" fontId="3" fillId="0" borderId="5" xfId="0" applyFont="1" applyFill="1" applyBorder="1" applyAlignment="1">
      <alignment horizontal="left" vertical="center" shrinkToFit="1"/>
    </xf>
    <xf numFmtId="0" fontId="0" fillId="0" borderId="5" xfId="0" applyFont="1" applyFill="1" applyBorder="1" applyAlignment="1">
      <alignment vertical="center" shrinkToFit="1"/>
    </xf>
    <xf numFmtId="0" fontId="0" fillId="0" borderId="33" xfId="0" applyFont="1" applyFill="1" applyBorder="1" applyAlignment="1">
      <alignment vertical="center" shrinkToFit="1"/>
    </xf>
    <xf numFmtId="0" fontId="3" fillId="0" borderId="23" xfId="0" applyFont="1" applyFill="1" applyBorder="1" applyAlignment="1">
      <alignment horizontal="left" vertical="top" shrinkToFit="1"/>
    </xf>
    <xf numFmtId="0" fontId="3" fillId="0" borderId="55" xfId="0" applyFont="1" applyFill="1" applyBorder="1" applyAlignment="1">
      <alignment horizontal="left" vertical="top" shrinkToFit="1"/>
    </xf>
    <xf numFmtId="0" fontId="3" fillId="0" borderId="7" xfId="0" applyFont="1" applyFill="1" applyBorder="1" applyAlignment="1">
      <alignment horizontal="left" vertical="top" shrinkToFit="1"/>
    </xf>
    <xf numFmtId="0" fontId="0" fillId="0" borderId="7" xfId="0" applyFont="1" applyFill="1" applyBorder="1" applyAlignment="1">
      <alignment horizontal="left" vertical="top" shrinkToFit="1"/>
    </xf>
    <xf numFmtId="0" fontId="0" fillId="0" borderId="32" xfId="0" applyFont="1" applyFill="1" applyBorder="1" applyAlignment="1">
      <alignment horizontal="left" vertical="top" shrinkToFit="1"/>
    </xf>
    <xf numFmtId="0" fontId="3" fillId="0" borderId="10" xfId="0" applyFont="1" applyFill="1" applyBorder="1" applyAlignment="1">
      <alignment horizontal="center" wrapText="1"/>
    </xf>
    <xf numFmtId="0" fontId="3" fillId="0" borderId="32" xfId="0" applyFont="1" applyFill="1" applyBorder="1" applyAlignment="1">
      <alignment horizontal="center" wrapText="1"/>
    </xf>
    <xf numFmtId="0" fontId="3" fillId="0" borderId="6" xfId="0" applyFont="1" applyFill="1" applyBorder="1" applyAlignment="1">
      <alignment horizontal="center" shrinkToFit="1"/>
    </xf>
    <xf numFmtId="0" fontId="3" fillId="0" borderId="7" xfId="0" applyFont="1" applyFill="1" applyBorder="1" applyAlignment="1">
      <alignment horizontal="center" shrinkToFit="1"/>
    </xf>
    <xf numFmtId="0" fontId="3" fillId="0" borderId="8" xfId="0" applyFont="1" applyFill="1" applyBorder="1" applyAlignment="1">
      <alignment horizontal="center" shrinkToFit="1"/>
    </xf>
    <xf numFmtId="0" fontId="3" fillId="0" borderId="3" xfId="0" applyFont="1" applyFill="1" applyBorder="1" applyAlignment="1">
      <alignment horizontal="left" vertical="center" wrapText="1"/>
    </xf>
    <xf numFmtId="0" fontId="3" fillId="0" borderId="4" xfId="0" applyFont="1" applyFill="1" applyBorder="1" applyAlignment="1">
      <alignment horizontal="left" vertical="center" wrapText="1"/>
    </xf>
    <xf numFmtId="0" fontId="3" fillId="0" borderId="1" xfId="0" applyFont="1" applyFill="1" applyBorder="1" applyAlignment="1">
      <alignment horizontal="left" vertical="center" wrapText="1"/>
    </xf>
    <xf numFmtId="0" fontId="3" fillId="0" borderId="17"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27" xfId="0" applyFont="1" applyFill="1" applyBorder="1" applyAlignment="1">
      <alignment horizontal="left" vertical="center" wrapText="1"/>
    </xf>
    <xf numFmtId="0" fontId="3" fillId="0" borderId="16" xfId="0" applyFont="1" applyFill="1" applyBorder="1" applyAlignment="1">
      <alignment horizontal="left" vertical="center" wrapText="1"/>
    </xf>
    <xf numFmtId="0" fontId="3" fillId="0" borderId="5" xfId="0" applyFont="1" applyFill="1" applyBorder="1" applyAlignment="1">
      <alignment horizontal="left" vertical="center" wrapText="1"/>
    </xf>
    <xf numFmtId="0" fontId="3" fillId="0" borderId="15" xfId="0" applyFont="1" applyFill="1" applyBorder="1" applyAlignment="1">
      <alignment horizontal="left" vertical="center" wrapText="1"/>
    </xf>
    <xf numFmtId="0" fontId="3" fillId="0" borderId="4" xfId="0" applyFont="1" applyFill="1" applyBorder="1" applyAlignment="1">
      <alignment horizontal="center" vertical="center" wrapText="1"/>
    </xf>
    <xf numFmtId="0" fontId="3" fillId="0" borderId="12" xfId="0" applyFont="1" applyFill="1" applyBorder="1" applyAlignment="1">
      <alignment horizontal="left" vertical="center"/>
    </xf>
    <xf numFmtId="0" fontId="3" fillId="0" borderId="13" xfId="0" applyFont="1" applyFill="1" applyBorder="1" applyAlignment="1">
      <alignment horizontal="left" vertical="center"/>
    </xf>
    <xf numFmtId="0" fontId="3" fillId="0" borderId="14" xfId="0" applyFont="1" applyFill="1" applyBorder="1" applyAlignment="1">
      <alignment horizontal="left" vertical="center"/>
    </xf>
    <xf numFmtId="0" fontId="3" fillId="0" borderId="1" xfId="0" applyFont="1" applyFill="1" applyBorder="1" applyAlignment="1">
      <alignment horizontal="center" vertical="center" wrapText="1"/>
    </xf>
    <xf numFmtId="0" fontId="3" fillId="0" borderId="58" xfId="0" applyFont="1" applyFill="1" applyBorder="1" applyAlignment="1">
      <alignment horizontal="center" vertical="center" wrapText="1"/>
    </xf>
    <xf numFmtId="0" fontId="4" fillId="0" borderId="7" xfId="0" applyFont="1" applyFill="1" applyBorder="1" applyAlignment="1">
      <alignment horizontal="left" vertical="center" wrapText="1"/>
    </xf>
    <xf numFmtId="0" fontId="4" fillId="0" borderId="8" xfId="0" applyFont="1" applyFill="1" applyBorder="1" applyAlignment="1">
      <alignment horizontal="left" vertical="center" wrapText="1"/>
    </xf>
    <xf numFmtId="0" fontId="3" fillId="0" borderId="6" xfId="0" applyFont="1" applyFill="1" applyBorder="1" applyAlignment="1">
      <alignment horizontal="center" vertical="center" shrinkToFit="1"/>
    </xf>
    <xf numFmtId="0" fontId="3" fillId="0" borderId="7" xfId="0" applyFont="1" applyFill="1" applyBorder="1" applyAlignment="1">
      <alignment horizontal="center" vertical="center" shrinkToFit="1"/>
    </xf>
    <xf numFmtId="0" fontId="3" fillId="0" borderId="8" xfId="0" applyFont="1" applyFill="1" applyBorder="1" applyAlignment="1">
      <alignment horizontal="center" vertical="center" shrinkToFit="1"/>
    </xf>
    <xf numFmtId="0" fontId="3" fillId="0" borderId="7" xfId="0" applyFont="1" applyFill="1" applyBorder="1" applyAlignment="1">
      <alignment horizontal="left" vertical="top"/>
    </xf>
    <xf numFmtId="0" fontId="3" fillId="0" borderId="32" xfId="0" applyFont="1" applyFill="1" applyBorder="1" applyAlignment="1">
      <alignment horizontal="left" vertical="top"/>
    </xf>
    <xf numFmtId="0" fontId="3" fillId="0" borderId="3" xfId="0" applyFont="1" applyFill="1" applyBorder="1" applyAlignment="1">
      <alignment horizontal="left" vertical="top" wrapText="1"/>
    </xf>
    <xf numFmtId="0" fontId="3" fillId="0" borderId="4" xfId="0" applyFont="1" applyFill="1" applyBorder="1" applyAlignment="1">
      <alignment horizontal="left" vertical="top" wrapText="1"/>
    </xf>
    <xf numFmtId="0" fontId="3" fillId="0" borderId="17" xfId="0" applyFont="1" applyFill="1" applyBorder="1" applyAlignment="1">
      <alignment horizontal="left" vertical="top" wrapText="1"/>
    </xf>
    <xf numFmtId="0" fontId="3" fillId="0" borderId="0" xfId="0" applyFont="1" applyFill="1" applyBorder="1" applyAlignment="1">
      <alignment horizontal="left" vertical="top" wrapText="1"/>
    </xf>
    <xf numFmtId="0" fontId="3" fillId="0" borderId="20" xfId="0" applyFont="1" applyFill="1" applyBorder="1" applyAlignment="1">
      <alignment horizontal="center" wrapText="1"/>
    </xf>
    <xf numFmtId="0" fontId="3" fillId="0" borderId="1" xfId="0" applyFont="1" applyFill="1" applyBorder="1" applyAlignment="1">
      <alignment horizontal="center" wrapText="1"/>
    </xf>
    <xf numFmtId="0" fontId="3" fillId="0" borderId="52" xfId="0" applyFont="1" applyFill="1" applyBorder="1" applyAlignment="1">
      <alignment horizontal="center" wrapText="1"/>
    </xf>
    <xf numFmtId="0" fontId="3" fillId="0" borderId="27" xfId="0" applyFont="1" applyFill="1" applyBorder="1" applyAlignment="1">
      <alignment horizontal="center" wrapText="1"/>
    </xf>
    <xf numFmtId="0" fontId="0" fillId="0" borderId="7" xfId="0" applyFont="1" applyFill="1" applyBorder="1" applyAlignment="1">
      <alignment vertical="top" shrinkToFit="1"/>
    </xf>
    <xf numFmtId="0" fontId="0" fillId="0" borderId="32" xfId="0" applyFont="1" applyFill="1" applyBorder="1" applyAlignment="1">
      <alignment vertical="top" shrinkToFit="1"/>
    </xf>
    <xf numFmtId="0" fontId="3" fillId="0" borderId="25" xfId="0" applyFont="1" applyFill="1" applyBorder="1" applyAlignment="1">
      <alignment horizontal="center" vertical="center" textRotation="255" shrinkToFit="1"/>
    </xf>
    <xf numFmtId="0" fontId="3" fillId="0" borderId="34" xfId="0" applyFont="1" applyFill="1" applyBorder="1" applyAlignment="1">
      <alignment horizontal="center" vertical="center" textRotation="255" shrinkToFit="1"/>
    </xf>
    <xf numFmtId="0" fontId="3" fillId="0" borderId="1" xfId="0" applyFont="1" applyFill="1" applyBorder="1" applyAlignment="1">
      <alignment horizontal="left" vertical="top" wrapText="1"/>
    </xf>
    <xf numFmtId="0" fontId="3" fillId="0" borderId="27" xfId="0" applyFont="1" applyFill="1" applyBorder="1" applyAlignment="1">
      <alignment horizontal="left" vertical="top" wrapText="1"/>
    </xf>
    <xf numFmtId="0" fontId="3" fillId="0" borderId="16" xfId="0" applyFont="1" applyFill="1" applyBorder="1" applyAlignment="1">
      <alignment horizontal="left" vertical="top" wrapText="1"/>
    </xf>
    <xf numFmtId="0" fontId="3" fillId="0" borderId="5" xfId="0" applyFont="1" applyFill="1" applyBorder="1" applyAlignment="1">
      <alignment horizontal="left" vertical="top" wrapText="1"/>
    </xf>
    <xf numFmtId="0" fontId="3" fillId="0" borderId="15" xfId="0" applyFont="1" applyFill="1" applyBorder="1" applyAlignment="1">
      <alignment horizontal="left" vertical="top" wrapText="1"/>
    </xf>
    <xf numFmtId="0" fontId="3" fillId="0" borderId="6" xfId="0" applyFont="1" applyFill="1" applyBorder="1" applyAlignment="1">
      <alignment horizontal="left" wrapText="1"/>
    </xf>
    <xf numFmtId="0" fontId="3" fillId="0" borderId="7" xfId="0" applyFont="1" applyFill="1" applyBorder="1" applyAlignment="1">
      <alignment horizontal="left" wrapText="1"/>
    </xf>
    <xf numFmtId="0" fontId="3" fillId="0" borderId="35" xfId="0" applyFont="1" applyFill="1" applyBorder="1" applyAlignment="1">
      <alignment horizontal="center"/>
    </xf>
    <xf numFmtId="0" fontId="3" fillId="0" borderId="36" xfId="0" applyFont="1" applyFill="1" applyBorder="1" applyAlignment="1">
      <alignment horizontal="center"/>
    </xf>
    <xf numFmtId="0" fontId="3" fillId="0" borderId="37" xfId="0" applyFont="1" applyFill="1" applyBorder="1" applyAlignment="1">
      <alignment horizontal="center"/>
    </xf>
    <xf numFmtId="0" fontId="3" fillId="0" borderId="34" xfId="0" applyFont="1" applyFill="1" applyBorder="1" applyAlignment="1">
      <alignment horizontal="center" vertical="center" textRotation="255" wrapText="1"/>
    </xf>
    <xf numFmtId="0" fontId="3" fillId="0" borderId="31" xfId="0" applyFont="1" applyFill="1" applyBorder="1" applyAlignment="1">
      <alignment horizontal="center" vertical="center" textRotation="255" wrapText="1"/>
    </xf>
    <xf numFmtId="0" fontId="3" fillId="0" borderId="8" xfId="0" applyFont="1" applyFill="1" applyBorder="1" applyAlignment="1">
      <alignment horizontal="left" wrapText="1"/>
    </xf>
    <xf numFmtId="0" fontId="3" fillId="0" borderId="6" xfId="0" applyFont="1" applyFill="1" applyBorder="1" applyAlignment="1">
      <alignment horizontal="center" vertical="center" wrapText="1"/>
    </xf>
    <xf numFmtId="0" fontId="3" fillId="0" borderId="7" xfId="0" applyFont="1" applyFill="1" applyBorder="1" applyAlignment="1">
      <alignment horizontal="center" vertical="center" wrapText="1"/>
    </xf>
    <xf numFmtId="0" fontId="3" fillId="0" borderId="8" xfId="0" applyFont="1" applyFill="1" applyBorder="1" applyAlignment="1">
      <alignment horizontal="center" vertical="center" wrapText="1"/>
    </xf>
    <xf numFmtId="0" fontId="3" fillId="0" borderId="6" xfId="0" applyFont="1" applyFill="1" applyBorder="1" applyAlignment="1">
      <alignment horizontal="center"/>
    </xf>
    <xf numFmtId="0" fontId="3" fillId="0" borderId="7" xfId="0" applyFont="1" applyFill="1" applyBorder="1" applyAlignment="1">
      <alignment horizontal="center"/>
    </xf>
    <xf numFmtId="0" fontId="3" fillId="0" borderId="8" xfId="0" applyFont="1" applyFill="1" applyBorder="1" applyAlignment="1">
      <alignment horizontal="center"/>
    </xf>
    <xf numFmtId="0" fontId="0" fillId="0" borderId="7" xfId="0" applyFont="1" applyFill="1" applyBorder="1" applyAlignment="1">
      <alignment horizontal="left" vertical="top"/>
    </xf>
    <xf numFmtId="0" fontId="0" fillId="0" borderId="32" xfId="0" applyFont="1" applyFill="1" applyBorder="1" applyAlignment="1">
      <alignment horizontal="left" vertical="top"/>
    </xf>
    <xf numFmtId="0" fontId="3" fillId="0" borderId="3" xfId="0" applyFont="1" applyFill="1" applyBorder="1" applyAlignment="1">
      <alignment horizontal="center" shrinkToFit="1"/>
    </xf>
    <xf numFmtId="0" fontId="3" fillId="0" borderId="4" xfId="0" applyFont="1" applyFill="1" applyBorder="1" applyAlignment="1">
      <alignment horizontal="center" shrinkToFit="1"/>
    </xf>
    <xf numFmtId="0" fontId="3" fillId="0" borderId="1" xfId="0" applyFont="1" applyFill="1" applyBorder="1" applyAlignment="1">
      <alignment horizontal="center" shrinkToFit="1"/>
    </xf>
    <xf numFmtId="0" fontId="3" fillId="0" borderId="31" xfId="0" applyFont="1" applyFill="1" applyBorder="1" applyAlignment="1">
      <alignment horizontal="center" vertical="center" textRotation="255" shrinkToFit="1"/>
    </xf>
    <xf numFmtId="0" fontId="3" fillId="0" borderId="53" xfId="0" applyFont="1" applyFill="1" applyBorder="1" applyAlignment="1">
      <alignment horizontal="left" vertical="top" shrinkToFit="1"/>
    </xf>
    <xf numFmtId="0" fontId="0" fillId="0" borderId="53" xfId="0" applyFont="1" applyFill="1" applyBorder="1" applyAlignment="1">
      <alignment shrinkToFit="1"/>
    </xf>
    <xf numFmtId="0" fontId="0" fillId="0" borderId="54" xfId="0" applyFont="1" applyFill="1" applyBorder="1" applyAlignment="1">
      <alignment shrinkToFit="1"/>
    </xf>
    <xf numFmtId="0" fontId="3" fillId="0" borderId="3" xfId="0" applyFont="1" applyFill="1" applyBorder="1" applyAlignment="1">
      <alignment horizontal="left"/>
    </xf>
    <xf numFmtId="0" fontId="3" fillId="0" borderId="4" xfId="0" applyFont="1" applyFill="1" applyBorder="1" applyAlignment="1">
      <alignment horizontal="left"/>
    </xf>
    <xf numFmtId="0" fontId="3" fillId="0" borderId="1" xfId="0" applyFont="1" applyFill="1" applyBorder="1" applyAlignment="1">
      <alignment horizontal="left"/>
    </xf>
    <xf numFmtId="0" fontId="3" fillId="0" borderId="3" xfId="0" applyFont="1" applyFill="1" applyBorder="1" applyAlignment="1">
      <alignment horizontal="center"/>
    </xf>
    <xf numFmtId="0" fontId="3" fillId="0" borderId="4" xfId="0" applyFont="1" applyFill="1" applyBorder="1" applyAlignment="1">
      <alignment horizontal="center"/>
    </xf>
    <xf numFmtId="0" fontId="3" fillId="0" borderId="3" xfId="0" applyFont="1" applyFill="1" applyBorder="1" applyAlignment="1">
      <alignment horizontal="center" vertical="center" wrapText="1"/>
    </xf>
    <xf numFmtId="0" fontId="3" fillId="0" borderId="2" xfId="0" applyFont="1" applyFill="1" applyBorder="1" applyAlignment="1">
      <alignment horizontal="left" wrapText="1"/>
    </xf>
    <xf numFmtId="0" fontId="3" fillId="0" borderId="6" xfId="0" applyFont="1" applyFill="1" applyBorder="1" applyAlignment="1">
      <alignment horizontal="left"/>
    </xf>
    <xf numFmtId="0" fontId="3" fillId="0" borderId="7" xfId="0" applyFont="1" applyFill="1" applyBorder="1" applyAlignment="1">
      <alignment horizontal="left"/>
    </xf>
    <xf numFmtId="0" fontId="3" fillId="0" borderId="25" xfId="0" applyFont="1" applyFill="1" applyBorder="1" applyAlignment="1">
      <alignment horizontal="center" vertical="center" textRotation="255" wrapText="1"/>
    </xf>
    <xf numFmtId="0" fontId="3" fillId="0" borderId="6" xfId="0" applyFont="1" applyFill="1" applyBorder="1" applyAlignment="1">
      <alignment horizontal="center" wrapText="1"/>
    </xf>
    <xf numFmtId="0" fontId="3" fillId="0" borderId="7" xfId="0" applyFont="1" applyFill="1" applyBorder="1" applyAlignment="1">
      <alignment horizontal="center" wrapText="1"/>
    </xf>
    <xf numFmtId="0" fontId="3" fillId="0" borderId="8" xfId="0" applyFont="1" applyFill="1" applyBorder="1" applyAlignment="1">
      <alignment horizontal="center" wrapText="1"/>
    </xf>
    <xf numFmtId="0" fontId="3" fillId="0" borderId="5" xfId="0" applyFont="1" applyFill="1" applyBorder="1" applyAlignment="1">
      <alignment horizontal="center" wrapText="1"/>
    </xf>
    <xf numFmtId="0" fontId="3" fillId="0" borderId="15" xfId="0" applyFont="1" applyFill="1" applyBorder="1" applyAlignment="1">
      <alignment horizontal="center" wrapText="1"/>
    </xf>
    <xf numFmtId="0" fontId="3" fillId="0" borderId="6" xfId="0" applyFont="1" applyFill="1" applyBorder="1" applyAlignment="1">
      <alignment horizontal="left" vertical="center" shrinkToFit="1"/>
    </xf>
    <xf numFmtId="0" fontId="3" fillId="0" borderId="7" xfId="0" applyFont="1" applyFill="1" applyBorder="1" applyAlignment="1">
      <alignment horizontal="left" vertical="center" shrinkToFit="1"/>
    </xf>
    <xf numFmtId="0" fontId="3" fillId="0" borderId="8" xfId="0" applyFont="1" applyFill="1" applyBorder="1" applyAlignment="1">
      <alignment horizontal="left" vertical="center" shrinkToFit="1"/>
    </xf>
    <xf numFmtId="0" fontId="3" fillId="0" borderId="2" xfId="0" applyFont="1" applyFill="1" applyBorder="1" applyAlignment="1">
      <alignment horizontal="left" vertical="center"/>
    </xf>
    <xf numFmtId="0" fontId="3" fillId="0" borderId="6" xfId="0" applyFont="1" applyFill="1" applyBorder="1" applyAlignment="1">
      <alignment horizontal="left" vertical="center"/>
    </xf>
    <xf numFmtId="0" fontId="3" fillId="0" borderId="6" xfId="0" applyFont="1" applyFill="1" applyBorder="1" applyAlignment="1">
      <alignment horizontal="left" vertical="center" textRotation="255"/>
    </xf>
    <xf numFmtId="0" fontId="3" fillId="0" borderId="7" xfId="0" applyFont="1" applyFill="1" applyBorder="1" applyAlignment="1">
      <alignment horizontal="left" vertical="center" textRotation="255"/>
    </xf>
    <xf numFmtId="0" fontId="3" fillId="0" borderId="8" xfId="0" applyFont="1" applyFill="1" applyBorder="1" applyAlignment="1">
      <alignment horizontal="left" vertical="center" textRotation="255"/>
    </xf>
    <xf numFmtId="0" fontId="3" fillId="0" borderId="6" xfId="0" applyFont="1" applyFill="1" applyBorder="1" applyAlignment="1">
      <alignment horizontal="left" vertical="center" wrapText="1"/>
    </xf>
    <xf numFmtId="0" fontId="3" fillId="0" borderId="7" xfId="0" applyFont="1" applyFill="1" applyBorder="1" applyAlignment="1">
      <alignment horizontal="left" vertical="center" wrapText="1"/>
    </xf>
    <xf numFmtId="0" fontId="3" fillId="0" borderId="8" xfId="0" applyFont="1" applyFill="1" applyBorder="1" applyAlignment="1">
      <alignment horizontal="left" vertical="center" wrapText="1"/>
    </xf>
    <xf numFmtId="0" fontId="3" fillId="0" borderId="16" xfId="0" applyFont="1" applyFill="1" applyBorder="1" applyAlignment="1">
      <alignment horizontal="center" shrinkToFit="1"/>
    </xf>
    <xf numFmtId="0" fontId="3" fillId="0" borderId="5" xfId="0" applyFont="1" applyFill="1" applyBorder="1" applyAlignment="1">
      <alignment horizontal="center" shrinkToFit="1"/>
    </xf>
    <xf numFmtId="0" fontId="3" fillId="0" borderId="15" xfId="0" applyFont="1" applyFill="1" applyBorder="1" applyAlignment="1">
      <alignment horizontal="center" shrinkToFit="1"/>
    </xf>
    <xf numFmtId="0" fontId="3" fillId="0" borderId="0" xfId="0" applyFont="1" applyFill="1" applyAlignment="1">
      <alignment horizontal="right" vertical="center"/>
    </xf>
    <xf numFmtId="0" fontId="0" fillId="0" borderId="1" xfId="0" applyFont="1" applyFill="1" applyBorder="1" applyAlignment="1">
      <alignment horizontal="left" vertical="center" wrapText="1"/>
    </xf>
    <xf numFmtId="0" fontId="3" fillId="0" borderId="42" xfId="0" applyFont="1" applyFill="1" applyBorder="1" applyAlignment="1">
      <alignment horizontal="left" vertical="center"/>
    </xf>
    <xf numFmtId="0" fontId="3" fillId="0" borderId="43" xfId="0" applyFont="1" applyFill="1" applyBorder="1" applyAlignment="1">
      <alignment horizontal="left" vertical="center"/>
    </xf>
    <xf numFmtId="0" fontId="3" fillId="0" borderId="44" xfId="0" applyFont="1" applyFill="1" applyBorder="1" applyAlignment="1">
      <alignment horizontal="left" vertical="center"/>
    </xf>
    <xf numFmtId="0" fontId="3" fillId="0" borderId="13" xfId="0" applyFont="1" applyFill="1" applyBorder="1" applyAlignment="1">
      <alignment horizontal="left" vertical="center" wrapText="1"/>
    </xf>
    <xf numFmtId="0" fontId="3" fillId="0" borderId="14" xfId="0" applyFont="1" applyFill="1" applyBorder="1" applyAlignment="1">
      <alignment horizontal="left" vertical="center" wrapText="1"/>
    </xf>
    <xf numFmtId="0" fontId="3" fillId="0" borderId="6" xfId="0" applyFont="1" applyFill="1" applyBorder="1" applyAlignment="1">
      <alignment horizontal="left" shrinkToFit="1"/>
    </xf>
    <xf numFmtId="0" fontId="3" fillId="0" borderId="7" xfId="0" applyFont="1" applyFill="1" applyBorder="1" applyAlignment="1">
      <alignment horizontal="left" shrinkToFit="1"/>
    </xf>
    <xf numFmtId="0" fontId="3" fillId="0" borderId="8" xfId="0" applyFont="1" applyFill="1" applyBorder="1" applyAlignment="1">
      <alignment horizontal="left" shrinkToFit="1"/>
    </xf>
    <xf numFmtId="0" fontId="4" fillId="0" borderId="3" xfId="0" applyFont="1" applyFill="1" applyBorder="1" applyAlignment="1">
      <alignment horizontal="left" vertical="center" wrapText="1"/>
    </xf>
    <xf numFmtId="0" fontId="4" fillId="0" borderId="4" xfId="0" applyFont="1" applyFill="1" applyBorder="1" applyAlignment="1">
      <alignment horizontal="left" vertical="center" wrapText="1"/>
    </xf>
    <xf numFmtId="0" fontId="4" fillId="0" borderId="1" xfId="0" applyFont="1" applyFill="1" applyBorder="1" applyAlignment="1">
      <alignment horizontal="left" vertical="center" wrapText="1"/>
    </xf>
    <xf numFmtId="0" fontId="4" fillId="0" borderId="17"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27" xfId="0" applyFont="1" applyFill="1" applyBorder="1" applyAlignment="1">
      <alignment horizontal="left" vertical="center" wrapText="1"/>
    </xf>
    <xf numFmtId="0" fontId="4" fillId="0" borderId="16"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15" xfId="0" applyFont="1" applyFill="1" applyBorder="1" applyAlignment="1">
      <alignment horizontal="left" vertical="center" wrapText="1"/>
    </xf>
    <xf numFmtId="0" fontId="3" fillId="0" borderId="7" xfId="0" applyFont="1" applyFill="1" applyBorder="1" applyAlignment="1">
      <alignment horizontal="left" vertical="center"/>
    </xf>
    <xf numFmtId="0" fontId="3" fillId="0" borderId="8" xfId="0" applyFont="1" applyFill="1" applyBorder="1" applyAlignment="1">
      <alignment horizontal="left" vertical="center"/>
    </xf>
    <xf numFmtId="0" fontId="3" fillId="0" borderId="6" xfId="0" applyFont="1" applyFill="1" applyBorder="1" applyAlignment="1">
      <alignment vertical="center" wrapText="1"/>
    </xf>
    <xf numFmtId="0" fontId="3" fillId="0" borderId="7" xfId="0" applyFont="1" applyFill="1" applyBorder="1" applyAlignment="1">
      <alignment vertical="center" wrapText="1"/>
    </xf>
    <xf numFmtId="0" fontId="3" fillId="0" borderId="8" xfId="0" applyFont="1" applyFill="1" applyBorder="1" applyAlignment="1">
      <alignment vertical="center" wrapText="1"/>
    </xf>
    <xf numFmtId="0" fontId="3" fillId="0" borderId="0" xfId="0" applyFont="1" applyFill="1" applyBorder="1" applyAlignment="1">
      <alignment horizontal="left" vertical="center"/>
    </xf>
    <xf numFmtId="0" fontId="3" fillId="0" borderId="2" xfId="0" applyFont="1" applyFill="1" applyBorder="1" applyAlignment="1">
      <alignment vertical="center"/>
    </xf>
    <xf numFmtId="0" fontId="3" fillId="0" borderId="2" xfId="0" applyFont="1" applyFill="1" applyBorder="1" applyAlignment="1">
      <alignment vertical="center" wrapText="1"/>
    </xf>
    <xf numFmtId="0" fontId="3" fillId="0" borderId="17"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27" xfId="0" applyFont="1" applyFill="1" applyBorder="1" applyAlignment="1">
      <alignment horizontal="center" vertical="center"/>
    </xf>
    <xf numFmtId="0" fontId="3" fillId="0" borderId="35" xfId="0" applyFont="1" applyFill="1" applyBorder="1" applyAlignment="1">
      <alignment horizontal="center" vertical="center"/>
    </xf>
    <xf numFmtId="0" fontId="3" fillId="0" borderId="36" xfId="0" applyFont="1" applyFill="1" applyBorder="1" applyAlignment="1">
      <alignment horizontal="center" vertical="center"/>
    </xf>
    <xf numFmtId="0" fontId="3" fillId="0" borderId="37"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2" xfId="0" applyFont="1" applyFill="1" applyBorder="1" applyAlignment="1">
      <alignment horizontal="center" vertical="center" wrapText="1"/>
    </xf>
    <xf numFmtId="0" fontId="3" fillId="0" borderId="2" xfId="0" applyFont="1" applyFill="1" applyBorder="1" applyAlignment="1">
      <alignment horizontal="left" vertical="center" wrapText="1"/>
    </xf>
    <xf numFmtId="0" fontId="3" fillId="0" borderId="0" xfId="0" applyFont="1" applyFill="1" applyAlignment="1">
      <alignment horizontal="center" vertical="center" wrapText="1"/>
    </xf>
    <xf numFmtId="0" fontId="0" fillId="0" borderId="16" xfId="46" applyFont="1" applyBorder="1" applyAlignment="1">
      <alignment vertical="center" wrapText="1"/>
    </xf>
    <xf numFmtId="0" fontId="0" fillId="0" borderId="5" xfId="46" applyFont="1" applyBorder="1" applyAlignment="1">
      <alignment vertical="center" wrapText="1"/>
    </xf>
    <xf numFmtId="0" fontId="0" fillId="0" borderId="15" xfId="46" applyFont="1" applyBorder="1" applyAlignment="1">
      <alignment vertical="center" wrapText="1"/>
    </xf>
    <xf numFmtId="0" fontId="0" fillId="0" borderId="0" xfId="46" applyFont="1" applyBorder="1" applyAlignment="1">
      <alignment horizontal="left" vertical="center" wrapText="1"/>
    </xf>
    <xf numFmtId="0" fontId="0" fillId="0" borderId="27" xfId="46" applyFont="1" applyBorder="1" applyAlignment="1">
      <alignment horizontal="left" vertical="center" wrapText="1"/>
    </xf>
    <xf numFmtId="0" fontId="0" fillId="0" borderId="17" xfId="46" applyFont="1" applyBorder="1" applyAlignment="1">
      <alignment horizontal="center" vertical="center" wrapText="1"/>
    </xf>
    <xf numFmtId="0" fontId="0" fillId="0" borderId="0" xfId="46" applyFont="1" applyBorder="1" applyAlignment="1">
      <alignment horizontal="center" vertical="center" wrapText="1"/>
    </xf>
    <xf numFmtId="0" fontId="0" fillId="0" borderId="27" xfId="46" applyFont="1" applyBorder="1" applyAlignment="1">
      <alignment horizontal="center" vertical="center" wrapText="1"/>
    </xf>
    <xf numFmtId="0" fontId="0" fillId="0" borderId="17" xfId="46" applyFont="1" applyBorder="1" applyAlignment="1">
      <alignment horizontal="left" vertical="center" wrapText="1"/>
    </xf>
    <xf numFmtId="0" fontId="0" fillId="0" borderId="6" xfId="46" applyFont="1" applyBorder="1" applyAlignment="1">
      <alignment horizontal="left" vertical="center" wrapText="1"/>
    </xf>
    <xf numFmtId="0" fontId="0" fillId="0" borderId="7" xfId="46" applyFont="1" applyBorder="1" applyAlignment="1">
      <alignment horizontal="left" vertical="center" wrapText="1"/>
    </xf>
    <xf numFmtId="0" fontId="0" fillId="0" borderId="8" xfId="46" applyFont="1" applyBorder="1" applyAlignment="1">
      <alignment horizontal="left" vertical="center" wrapText="1"/>
    </xf>
    <xf numFmtId="0" fontId="0" fillId="0" borderId="6" xfId="46" applyFont="1" applyBorder="1" applyAlignment="1">
      <alignment horizontal="center" vertical="center" wrapText="1"/>
    </xf>
    <xf numFmtId="0" fontId="0" fillId="0" borderId="7" xfId="46" applyFont="1" applyBorder="1" applyAlignment="1">
      <alignment horizontal="center" vertical="center" wrapText="1"/>
    </xf>
    <xf numFmtId="0" fontId="0" fillId="0" borderId="8" xfId="46" applyFont="1" applyBorder="1" applyAlignment="1">
      <alignment horizontal="center" vertical="center" wrapText="1"/>
    </xf>
    <xf numFmtId="0" fontId="0" fillId="0" borderId="17" xfId="46" applyFont="1" applyBorder="1" applyAlignment="1">
      <alignment horizontal="left" vertical="top" wrapText="1"/>
    </xf>
    <xf numFmtId="0" fontId="0" fillId="0" borderId="0" xfId="46" applyFont="1" applyBorder="1" applyAlignment="1">
      <alignment horizontal="left" vertical="top" wrapText="1"/>
    </xf>
    <xf numFmtId="0" fontId="0" fillId="0" borderId="27" xfId="46" applyFont="1" applyBorder="1" applyAlignment="1">
      <alignment horizontal="left" vertical="top" wrapText="1"/>
    </xf>
    <xf numFmtId="0" fontId="0" fillId="0" borderId="6" xfId="46" applyFont="1" applyBorder="1" applyAlignment="1">
      <alignment horizontal="right" vertical="center"/>
    </xf>
    <xf numFmtId="0" fontId="0" fillId="0" borderId="7" xfId="46" applyFont="1" applyBorder="1" applyAlignment="1">
      <alignment horizontal="right" vertical="center"/>
    </xf>
    <xf numFmtId="0" fontId="0" fillId="0" borderId="8" xfId="46" applyFont="1" applyBorder="1" applyAlignment="1">
      <alignment horizontal="right" vertical="center"/>
    </xf>
    <xf numFmtId="0" fontId="0" fillId="0" borderId="32" xfId="46" applyFont="1" applyBorder="1" applyAlignment="1">
      <alignment horizontal="right" vertical="center"/>
    </xf>
    <xf numFmtId="0" fontId="0" fillId="0" borderId="10" xfId="46" applyFont="1" applyBorder="1" applyAlignment="1">
      <alignment horizontal="right" vertical="center"/>
    </xf>
    <xf numFmtId="0" fontId="0" fillId="0" borderId="7" xfId="46" applyFont="1" applyBorder="1" applyAlignment="1">
      <alignment horizontal="center" vertical="center"/>
    </xf>
    <xf numFmtId="0" fontId="0" fillId="0" borderId="8" xfId="46" applyFont="1" applyBorder="1" applyAlignment="1">
      <alignment horizontal="center" vertical="center"/>
    </xf>
    <xf numFmtId="0" fontId="0" fillId="0" borderId="0" xfId="46" applyFont="1" applyAlignment="1">
      <alignment horizontal="left" vertical="center"/>
    </xf>
    <xf numFmtId="0" fontId="0" fillId="0" borderId="2" xfId="46" applyFont="1" applyBorder="1" applyAlignment="1">
      <alignment horizontal="center" vertical="center" wrapText="1"/>
    </xf>
    <xf numFmtId="0" fontId="0" fillId="0" borderId="32" xfId="46" applyFont="1" applyBorder="1" applyAlignment="1">
      <alignment horizontal="center" vertical="center"/>
    </xf>
    <xf numFmtId="0" fontId="0" fillId="0" borderId="10" xfId="46" applyFont="1" applyBorder="1" applyAlignment="1">
      <alignment horizontal="center" vertical="center"/>
    </xf>
    <xf numFmtId="0" fontId="0" fillId="0" borderId="0" xfId="46" applyFont="1" applyAlignment="1">
      <alignment horizontal="left" vertical="center" wrapText="1"/>
    </xf>
    <xf numFmtId="0" fontId="0" fillId="0" borderId="2" xfId="46" applyFont="1" applyBorder="1" applyAlignment="1">
      <alignment horizontal="left" vertical="center" wrapText="1"/>
    </xf>
    <xf numFmtId="0" fontId="0" fillId="0" borderId="3" xfId="46" applyFont="1" applyBorder="1" applyAlignment="1">
      <alignment horizontal="center" vertical="center" wrapText="1"/>
    </xf>
    <xf numFmtId="0" fontId="0" fillId="0" borderId="4" xfId="46" applyFont="1" applyBorder="1" applyAlignment="1">
      <alignment horizontal="center" vertical="center" wrapText="1"/>
    </xf>
    <xf numFmtId="0" fontId="0" fillId="0" borderId="1" xfId="46" applyFont="1" applyBorder="1" applyAlignment="1">
      <alignment horizontal="center" vertical="center" wrapText="1"/>
    </xf>
    <xf numFmtId="0" fontId="0" fillId="0" borderId="16" xfId="46" applyFont="1" applyBorder="1" applyAlignment="1">
      <alignment horizontal="center" vertical="center" wrapText="1"/>
    </xf>
    <xf numFmtId="0" fontId="0" fillId="0" borderId="5" xfId="46" applyFont="1" applyBorder="1" applyAlignment="1">
      <alignment horizontal="center" vertical="center" wrapText="1"/>
    </xf>
    <xf numFmtId="0" fontId="0" fillId="0" borderId="15" xfId="46" applyFont="1" applyBorder="1" applyAlignment="1">
      <alignment horizontal="center" vertical="center" wrapText="1"/>
    </xf>
    <xf numFmtId="0" fontId="0" fillId="0" borderId="6" xfId="46" applyFont="1" applyBorder="1" applyAlignment="1">
      <alignment horizontal="center" vertical="center"/>
    </xf>
    <xf numFmtId="0" fontId="0" fillId="0" borderId="6" xfId="46" applyFont="1" applyBorder="1" applyAlignment="1">
      <alignment horizontal="left" vertical="center"/>
    </xf>
    <xf numFmtId="0" fontId="0" fillId="0" borderId="7" xfId="46" applyFont="1" applyBorder="1" applyAlignment="1">
      <alignment horizontal="left" vertical="center"/>
    </xf>
    <xf numFmtId="0" fontId="0" fillId="0" borderId="8" xfId="46" applyFont="1" applyBorder="1" applyAlignment="1">
      <alignment horizontal="left" vertical="center"/>
    </xf>
    <xf numFmtId="0" fontId="0" fillId="0" borderId="3" xfId="46" applyFont="1" applyBorder="1" applyAlignment="1">
      <alignment horizontal="left" vertical="center" wrapText="1"/>
    </xf>
    <xf numFmtId="0" fontId="0" fillId="0" borderId="4" xfId="46" applyFont="1" applyBorder="1" applyAlignment="1">
      <alignment horizontal="left" vertical="center" wrapText="1"/>
    </xf>
    <xf numFmtId="0" fontId="0" fillId="0" borderId="1" xfId="46" applyFont="1" applyBorder="1" applyAlignment="1">
      <alignment horizontal="left" vertical="center" wrapText="1"/>
    </xf>
    <xf numFmtId="0" fontId="0" fillId="0" borderId="16" xfId="46" applyFont="1" applyBorder="1" applyAlignment="1">
      <alignment horizontal="left" vertical="center" wrapText="1"/>
    </xf>
    <xf numFmtId="0" fontId="0" fillId="0" borderId="5" xfId="46" applyFont="1" applyBorder="1" applyAlignment="1">
      <alignment horizontal="left" vertical="center" wrapText="1"/>
    </xf>
    <xf numFmtId="0" fontId="0" fillId="0" borderId="15" xfId="46" applyFont="1" applyBorder="1" applyAlignment="1">
      <alignment horizontal="left" vertical="center" wrapText="1"/>
    </xf>
    <xf numFmtId="0" fontId="0" fillId="0" borderId="17" xfId="46" applyFont="1" applyBorder="1" applyAlignment="1">
      <alignment vertical="center" wrapText="1"/>
    </xf>
    <xf numFmtId="0" fontId="0" fillId="0" borderId="0" xfId="46" applyFont="1" applyBorder="1" applyAlignment="1">
      <alignment vertical="center" wrapText="1"/>
    </xf>
    <xf numFmtId="0" fontId="0" fillId="0" borderId="27" xfId="46" applyFont="1" applyBorder="1" applyAlignment="1">
      <alignment vertical="center" wrapText="1"/>
    </xf>
    <xf numFmtId="0" fontId="0" fillId="0" borderId="6" xfId="46" applyNumberFormat="1" applyFont="1" applyBorder="1" applyAlignment="1">
      <alignment horizontal="center" vertical="center" shrinkToFit="1"/>
    </xf>
    <xf numFmtId="0" fontId="0" fillId="0" borderId="7" xfId="46" applyNumberFormat="1" applyFont="1" applyBorder="1" applyAlignment="1">
      <alignment horizontal="center" vertical="center" shrinkToFit="1"/>
    </xf>
    <xf numFmtId="0" fontId="0" fillId="0" borderId="8" xfId="46" applyNumberFormat="1" applyFont="1" applyBorder="1" applyAlignment="1">
      <alignment horizontal="center" vertical="center" shrinkToFit="1"/>
    </xf>
    <xf numFmtId="0" fontId="0" fillId="0" borderId="3" xfId="46" applyFont="1" applyBorder="1" applyAlignment="1">
      <alignment horizontal="center" vertical="center"/>
    </xf>
    <xf numFmtId="0" fontId="0" fillId="0" borderId="16" xfId="46" applyFont="1" applyBorder="1" applyAlignment="1">
      <alignment horizontal="center" vertical="center"/>
    </xf>
    <xf numFmtId="0" fontId="0" fillId="0" borderId="4" xfId="46" applyFont="1" applyBorder="1" applyAlignment="1">
      <alignment horizontal="center" vertical="center"/>
    </xf>
    <xf numFmtId="0" fontId="0" fillId="0" borderId="5" xfId="46" applyFont="1" applyBorder="1" applyAlignment="1">
      <alignment horizontal="center" vertical="center"/>
    </xf>
    <xf numFmtId="0" fontId="0" fillId="0" borderId="59" xfId="46" applyFont="1" applyBorder="1" applyAlignment="1">
      <alignment horizontal="center" vertical="center" textRotation="255"/>
    </xf>
    <xf numFmtId="0" fontId="0" fillId="0" borderId="60" xfId="46" applyFont="1" applyBorder="1" applyAlignment="1">
      <alignment horizontal="center" vertical="center" textRotation="255"/>
    </xf>
    <xf numFmtId="0" fontId="0" fillId="0" borderId="25" xfId="46" applyFont="1" applyBorder="1" applyAlignment="1">
      <alignment horizontal="center" vertical="center"/>
    </xf>
    <xf numFmtId="0" fontId="0" fillId="0" borderId="31" xfId="46" applyFont="1" applyBorder="1" applyAlignment="1">
      <alignment horizontal="center" vertical="center"/>
    </xf>
    <xf numFmtId="0" fontId="28" fillId="0" borderId="0" xfId="46" applyFont="1" applyAlignment="1">
      <alignment horizontal="center" vertical="center" shrinkToFit="1"/>
    </xf>
    <xf numFmtId="0" fontId="3" fillId="0" borderId="7" xfId="0" applyNumberFormat="1" applyFont="1" applyFill="1" applyBorder="1" applyAlignment="1">
      <alignment horizontal="center" vertical="center"/>
    </xf>
    <xf numFmtId="0" fontId="3" fillId="0" borderId="6" xfId="0" applyNumberFormat="1" applyFont="1" applyFill="1" applyBorder="1" applyAlignment="1">
      <alignment horizontal="center" vertical="center"/>
    </xf>
    <xf numFmtId="0" fontId="3" fillId="0" borderId="7" xfId="0" applyNumberFormat="1" applyFont="1" applyFill="1" applyBorder="1" applyAlignment="1">
      <alignment horizontal="left" vertical="center"/>
    </xf>
    <xf numFmtId="0" fontId="3" fillId="0" borderId="8" xfId="0" applyNumberFormat="1" applyFont="1" applyFill="1" applyBorder="1" applyAlignment="1">
      <alignment horizontal="left" vertical="center"/>
    </xf>
    <xf numFmtId="0" fontId="3" fillId="0" borderId="3" xfId="0" applyNumberFormat="1" applyFont="1" applyFill="1" applyBorder="1" applyAlignment="1">
      <alignment horizontal="left" vertical="top" wrapText="1"/>
    </xf>
    <xf numFmtId="0" fontId="3" fillId="0" borderId="4" xfId="0" applyNumberFormat="1" applyFont="1" applyFill="1" applyBorder="1" applyAlignment="1">
      <alignment horizontal="left" vertical="top" wrapText="1"/>
    </xf>
    <xf numFmtId="0" fontId="3" fillId="0" borderId="1" xfId="0" applyNumberFormat="1" applyFont="1" applyFill="1" applyBorder="1" applyAlignment="1">
      <alignment horizontal="left" vertical="top" wrapText="1"/>
    </xf>
    <xf numFmtId="0" fontId="3" fillId="0" borderId="17" xfId="0" applyNumberFormat="1" applyFont="1" applyFill="1" applyBorder="1" applyAlignment="1">
      <alignment horizontal="left" vertical="top" wrapText="1"/>
    </xf>
    <xf numFmtId="0" fontId="3" fillId="0" borderId="0" xfId="0" applyNumberFormat="1" applyFont="1" applyFill="1" applyBorder="1" applyAlignment="1">
      <alignment horizontal="left" vertical="top" wrapText="1"/>
    </xf>
    <xf numFmtId="0" fontId="3" fillId="0" borderId="27" xfId="0" applyNumberFormat="1" applyFont="1" applyFill="1" applyBorder="1" applyAlignment="1">
      <alignment horizontal="left" vertical="top" wrapText="1"/>
    </xf>
    <xf numFmtId="0" fontId="3" fillId="0" borderId="16" xfId="0" applyNumberFormat="1" applyFont="1" applyFill="1" applyBorder="1" applyAlignment="1">
      <alignment horizontal="left" vertical="top" wrapText="1"/>
    </xf>
    <xf numFmtId="0" fontId="3" fillId="0" borderId="5" xfId="0" applyNumberFormat="1" applyFont="1" applyFill="1" applyBorder="1" applyAlignment="1">
      <alignment horizontal="left" vertical="top" wrapText="1"/>
    </xf>
    <xf numFmtId="0" fontId="3" fillId="0" borderId="15" xfId="0" applyNumberFormat="1" applyFont="1" applyFill="1" applyBorder="1" applyAlignment="1">
      <alignment horizontal="left" vertical="top" wrapText="1"/>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2" xfId="0" applyFont="1" applyBorder="1" applyAlignment="1">
      <alignment horizontal="left" wrapText="1"/>
    </xf>
    <xf numFmtId="0" fontId="3" fillId="0" borderId="2" xfId="0" applyFont="1" applyBorder="1" applyAlignment="1">
      <alignment horizontal="left" shrinkToFit="1"/>
    </xf>
    <xf numFmtId="0" fontId="3" fillId="0" borderId="6" xfId="0" applyFont="1" applyBorder="1" applyAlignment="1">
      <alignment horizontal="left"/>
    </xf>
    <xf numFmtId="0" fontId="3" fillId="0" borderId="7" xfId="0" applyFont="1" applyBorder="1" applyAlignment="1">
      <alignment horizontal="left"/>
    </xf>
    <xf numFmtId="0" fontId="3" fillId="0" borderId="25" xfId="0" applyFont="1" applyBorder="1" applyAlignment="1">
      <alignment horizontal="center" vertical="center" textRotation="255" wrapText="1"/>
    </xf>
    <xf numFmtId="0" fontId="3" fillId="0" borderId="34" xfId="0" applyFont="1" applyBorder="1" applyAlignment="1">
      <alignment horizontal="center" vertical="center" textRotation="255" wrapText="1"/>
    </xf>
    <xf numFmtId="0" fontId="3" fillId="0" borderId="31" xfId="0" applyFont="1" applyBorder="1" applyAlignment="1">
      <alignment horizontal="center" vertical="center" textRotation="255" wrapText="1"/>
    </xf>
    <xf numFmtId="0" fontId="3" fillId="0" borderId="6" xfId="0" applyFont="1" applyBorder="1" applyAlignment="1">
      <alignment horizontal="center" wrapText="1"/>
    </xf>
    <xf numFmtId="0" fontId="3" fillId="0" borderId="7" xfId="0" applyFont="1" applyBorder="1" applyAlignment="1">
      <alignment horizontal="center" wrapText="1"/>
    </xf>
    <xf numFmtId="0" fontId="3" fillId="0" borderId="8" xfId="0" applyFont="1" applyBorder="1" applyAlignment="1">
      <alignment horizontal="center" wrapText="1"/>
    </xf>
    <xf numFmtId="0" fontId="3" fillId="0" borderId="5" xfId="0" applyFont="1" applyBorder="1" applyAlignment="1">
      <alignment horizontal="center" wrapText="1"/>
    </xf>
    <xf numFmtId="0" fontId="3" fillId="0" borderId="15" xfId="0" applyFont="1" applyBorder="1" applyAlignment="1">
      <alignment horizontal="center" wrapText="1"/>
    </xf>
    <xf numFmtId="0" fontId="3" fillId="0" borderId="3" xfId="0" applyFont="1" applyBorder="1" applyAlignment="1">
      <alignment horizontal="center" wrapText="1"/>
    </xf>
    <xf numFmtId="0" fontId="3" fillId="0" borderId="4" xfId="0" applyFont="1" applyBorder="1" applyAlignment="1">
      <alignment horizontal="center" wrapText="1"/>
    </xf>
    <xf numFmtId="0" fontId="3" fillId="0" borderId="1" xfId="0" applyFont="1" applyBorder="1" applyAlignment="1">
      <alignment horizontal="center" wrapText="1"/>
    </xf>
    <xf numFmtId="0" fontId="3" fillId="0" borderId="17" xfId="0" applyFont="1" applyBorder="1" applyAlignment="1">
      <alignment horizontal="center" wrapText="1"/>
    </xf>
    <xf numFmtId="0" fontId="3" fillId="0" borderId="0" xfId="0" applyFont="1" applyBorder="1" applyAlignment="1">
      <alignment horizontal="center" wrapText="1"/>
    </xf>
    <xf numFmtId="0" fontId="3" fillId="0" borderId="27" xfId="0" applyFont="1" applyBorder="1" applyAlignment="1">
      <alignment horizontal="center" wrapText="1"/>
    </xf>
    <xf numFmtId="0" fontId="3" fillId="0" borderId="16" xfId="0" applyFont="1" applyBorder="1" applyAlignment="1">
      <alignment horizontal="center" wrapText="1"/>
    </xf>
    <xf numFmtId="0" fontId="3" fillId="0" borderId="7" xfId="0" applyFont="1" applyBorder="1" applyAlignment="1">
      <alignment horizontal="left" vertical="top"/>
    </xf>
    <xf numFmtId="0" fontId="0" fillId="0" borderId="7" xfId="0" applyFont="1" applyBorder="1" applyAlignment="1">
      <alignment horizontal="left" vertical="top"/>
    </xf>
    <xf numFmtId="0" fontId="0" fillId="0" borderId="32" xfId="0" applyFont="1" applyBorder="1" applyAlignment="1">
      <alignment horizontal="left" vertical="top"/>
    </xf>
    <xf numFmtId="0" fontId="3" fillId="0" borderId="2" xfId="0" applyFont="1" applyBorder="1" applyAlignment="1">
      <alignment horizontal="left" vertical="center"/>
    </xf>
    <xf numFmtId="0" fontId="3" fillId="0" borderId="6" xfId="0" applyFont="1" applyBorder="1" applyAlignment="1">
      <alignment horizontal="left" vertical="center"/>
    </xf>
    <xf numFmtId="0" fontId="3" fillId="0" borderId="25" xfId="0" applyFont="1" applyBorder="1" applyAlignment="1">
      <alignment horizontal="center" vertical="center" textRotation="255" shrinkToFit="1"/>
    </xf>
    <xf numFmtId="0" fontId="3" fillId="0" borderId="34" xfId="0" applyFont="1" applyBorder="1" applyAlignment="1">
      <alignment horizontal="center" vertical="center" textRotation="255" shrinkToFit="1"/>
    </xf>
    <xf numFmtId="0" fontId="3" fillId="0" borderId="31" xfId="0" applyFont="1" applyBorder="1" applyAlignment="1">
      <alignment horizontal="center" vertical="center" textRotation="255" shrinkToFit="1"/>
    </xf>
    <xf numFmtId="0" fontId="3" fillId="0" borderId="3" xfId="0" applyFont="1" applyBorder="1" applyAlignment="1">
      <alignment horizontal="left" vertical="top" wrapText="1"/>
    </xf>
    <xf numFmtId="0" fontId="3" fillId="0" borderId="4" xfId="0" applyFont="1" applyBorder="1" applyAlignment="1">
      <alignment horizontal="left" vertical="top" wrapText="1"/>
    </xf>
    <xf numFmtId="0" fontId="3" fillId="0" borderId="17" xfId="0" applyFont="1" applyBorder="1" applyAlignment="1">
      <alignment horizontal="left" vertical="top" wrapText="1"/>
    </xf>
    <xf numFmtId="0" fontId="3" fillId="0" borderId="0" xfId="0" applyFont="1" applyBorder="1" applyAlignment="1">
      <alignment horizontal="left" vertical="top" wrapText="1"/>
    </xf>
    <xf numFmtId="0" fontId="3" fillId="0" borderId="23" xfId="0" applyFont="1" applyBorder="1" applyAlignment="1">
      <alignment horizontal="left" vertical="top"/>
    </xf>
    <xf numFmtId="0" fontId="3" fillId="0" borderId="55" xfId="0" applyFont="1" applyBorder="1" applyAlignment="1">
      <alignment horizontal="left" vertical="top"/>
    </xf>
    <xf numFmtId="0" fontId="3" fillId="0" borderId="3" xfId="0" applyFont="1" applyBorder="1" applyAlignment="1">
      <alignment horizontal="center" shrinkToFit="1"/>
    </xf>
    <xf numFmtId="0" fontId="3" fillId="0" borderId="4" xfId="0" applyFont="1" applyBorder="1" applyAlignment="1">
      <alignment horizontal="center" shrinkToFit="1"/>
    </xf>
    <xf numFmtId="0" fontId="3" fillId="0" borderId="1" xfId="0" applyFont="1" applyBorder="1" applyAlignment="1">
      <alignment horizontal="center" shrinkToFit="1"/>
    </xf>
    <xf numFmtId="0" fontId="3" fillId="0" borderId="16" xfId="0" applyFont="1" applyBorder="1" applyAlignment="1">
      <alignment horizontal="center"/>
    </xf>
    <xf numFmtId="0" fontId="3" fillId="0" borderId="5" xfId="0" applyFont="1" applyBorder="1" applyAlignment="1">
      <alignment horizontal="center"/>
    </xf>
    <xf numFmtId="0" fontId="3" fillId="0" borderId="15" xfId="0" applyFont="1" applyBorder="1" applyAlignment="1">
      <alignment horizontal="center"/>
    </xf>
    <xf numFmtId="0" fontId="3" fillId="0" borderId="16" xfId="0" applyFont="1" applyBorder="1" applyAlignment="1">
      <alignment horizontal="center" shrinkToFit="1"/>
    </xf>
    <xf numFmtId="0" fontId="3" fillId="0" borderId="5" xfId="0" applyFont="1" applyBorder="1" applyAlignment="1">
      <alignment horizontal="center" shrinkToFit="1"/>
    </xf>
    <xf numFmtId="0" fontId="3" fillId="0" borderId="15" xfId="0" applyFont="1" applyBorder="1" applyAlignment="1">
      <alignment horizontal="center" shrinkToFit="1"/>
    </xf>
    <xf numFmtId="0" fontId="3" fillId="0" borderId="32" xfId="0" applyFont="1" applyBorder="1" applyAlignment="1">
      <alignment horizontal="left" vertical="top"/>
    </xf>
    <xf numFmtId="0" fontId="3" fillId="0" borderId="4" xfId="0" applyFont="1" applyBorder="1" applyAlignment="1">
      <alignment horizontal="left" vertical="top"/>
    </xf>
    <xf numFmtId="0" fontId="0" fillId="0" borderId="4" xfId="0" applyFont="1" applyBorder="1" applyAlignment="1">
      <alignment horizontal="left" vertical="top"/>
    </xf>
    <xf numFmtId="0" fontId="0" fillId="0" borderId="50" xfId="0" applyFont="1" applyBorder="1" applyAlignment="1">
      <alignment horizontal="left" vertical="top"/>
    </xf>
    <xf numFmtId="0" fontId="3" fillId="0" borderId="20" xfId="0" applyFont="1" applyBorder="1" applyAlignment="1">
      <alignment horizontal="center" wrapText="1"/>
    </xf>
    <xf numFmtId="0" fontId="3" fillId="0" borderId="52" xfId="0" applyFont="1" applyBorder="1" applyAlignment="1">
      <alignment horizontal="center" wrapText="1"/>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3" fillId="0" borderId="16" xfId="0" applyFont="1" applyBorder="1" applyAlignment="1">
      <alignment horizontal="center" vertical="center"/>
    </xf>
    <xf numFmtId="0" fontId="3" fillId="0" borderId="5" xfId="0" applyFont="1" applyBorder="1" applyAlignment="1">
      <alignment horizontal="center" vertical="center"/>
    </xf>
    <xf numFmtId="0" fontId="3" fillId="0" borderId="15" xfId="0" applyFont="1" applyBorder="1" applyAlignment="1">
      <alignment horizontal="center" vertical="center"/>
    </xf>
    <xf numFmtId="0" fontId="3" fillId="0" borderId="3" xfId="0" applyFont="1" applyBorder="1" applyAlignment="1">
      <alignment horizontal="left"/>
    </xf>
    <xf numFmtId="0" fontId="3" fillId="0" borderId="4" xfId="0" applyFont="1" applyBorder="1" applyAlignment="1">
      <alignment horizontal="left"/>
    </xf>
    <xf numFmtId="0" fontId="3" fillId="0" borderId="1" xfId="0" applyFont="1" applyBorder="1" applyAlignment="1">
      <alignment horizontal="left"/>
    </xf>
    <xf numFmtId="0" fontId="3" fillId="0" borderId="3" xfId="0" applyFont="1" applyBorder="1" applyAlignment="1">
      <alignment horizontal="center"/>
    </xf>
    <xf numFmtId="0" fontId="3" fillId="0" borderId="4" xfId="0" applyFont="1" applyBorder="1" applyAlignment="1">
      <alignment horizontal="center"/>
    </xf>
    <xf numFmtId="0" fontId="3" fillId="0" borderId="1" xfId="0" applyFont="1" applyBorder="1" applyAlignment="1">
      <alignment horizontal="center"/>
    </xf>
    <xf numFmtId="0" fontId="3" fillId="0" borderId="2" xfId="0" applyFont="1" applyBorder="1" applyAlignment="1">
      <alignment horizontal="left" vertical="center" wrapText="1"/>
    </xf>
    <xf numFmtId="0" fontId="3" fillId="0" borderId="2" xfId="0" applyFont="1" applyBorder="1" applyAlignment="1">
      <alignment horizontal="center" wrapText="1"/>
    </xf>
    <xf numFmtId="0" fontId="3" fillId="0" borderId="3" xfId="0" applyFont="1" applyBorder="1" applyAlignment="1">
      <alignment horizontal="justify" vertical="center" wrapText="1"/>
    </xf>
    <xf numFmtId="0" fontId="3" fillId="0" borderId="4" xfId="0" applyFont="1" applyBorder="1" applyAlignment="1">
      <alignment horizontal="justify" vertical="center" wrapText="1"/>
    </xf>
    <xf numFmtId="0" fontId="3" fillId="0" borderId="1" xfId="0" applyFont="1" applyBorder="1" applyAlignment="1">
      <alignment horizontal="justify" vertical="center" wrapText="1"/>
    </xf>
    <xf numFmtId="0" fontId="3" fillId="0" borderId="17" xfId="0" applyFont="1" applyBorder="1" applyAlignment="1">
      <alignment horizontal="justify" vertical="center" wrapText="1"/>
    </xf>
    <xf numFmtId="0" fontId="3" fillId="0" borderId="0" xfId="0" applyFont="1" applyBorder="1" applyAlignment="1">
      <alignment horizontal="justify" vertical="center" wrapText="1"/>
    </xf>
    <xf numFmtId="0" fontId="3" fillId="0" borderId="27" xfId="0" applyFont="1" applyBorder="1" applyAlignment="1">
      <alignment horizontal="justify" vertical="center" wrapText="1"/>
    </xf>
    <xf numFmtId="0" fontId="3" fillId="0" borderId="12" xfId="0" applyFont="1" applyBorder="1" applyAlignment="1">
      <alignment horizontal="justify" vertical="center" wrapText="1"/>
    </xf>
    <xf numFmtId="0" fontId="3" fillId="0" borderId="13" xfId="0" applyFont="1" applyBorder="1" applyAlignment="1">
      <alignment horizontal="justify" vertical="center" wrapText="1"/>
    </xf>
    <xf numFmtId="0" fontId="3" fillId="0" borderId="48" xfId="0" applyFont="1" applyBorder="1" applyAlignment="1">
      <alignment horizontal="justify" vertical="center" wrapText="1"/>
    </xf>
    <xf numFmtId="0" fontId="3" fillId="0" borderId="49" xfId="0" applyFont="1" applyBorder="1" applyAlignment="1">
      <alignment horizontal="justify" vertical="center" wrapText="1"/>
    </xf>
    <xf numFmtId="0" fontId="3" fillId="0" borderId="14" xfId="0" applyFont="1" applyBorder="1" applyAlignment="1">
      <alignment horizontal="justify"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xf numFmtId="0" fontId="3" fillId="0" borderId="1" xfId="0" applyFont="1" applyBorder="1" applyAlignment="1">
      <alignment horizontal="center" vertical="center" wrapText="1"/>
    </xf>
    <xf numFmtId="0" fontId="0" fillId="0" borderId="2" xfId="0" applyFont="1" applyBorder="1" applyAlignment="1">
      <alignment horizontal="left" vertical="center" wrapText="1"/>
    </xf>
    <xf numFmtId="0" fontId="3" fillId="0" borderId="25" xfId="0" applyFont="1" applyBorder="1" applyAlignment="1">
      <alignment horizontal="left" vertical="center" wrapText="1"/>
    </xf>
    <xf numFmtId="0" fontId="0" fillId="0" borderId="25" xfId="0" applyFont="1" applyBorder="1" applyAlignment="1">
      <alignment horizontal="left" vertical="center" wrapText="1"/>
    </xf>
    <xf numFmtId="0" fontId="3" fillId="0" borderId="3" xfId="0" applyFont="1" applyBorder="1" applyAlignment="1">
      <alignment horizontal="left" vertical="center" wrapText="1"/>
    </xf>
    <xf numFmtId="0" fontId="3" fillId="0" borderId="4" xfId="0" applyFont="1" applyBorder="1" applyAlignment="1">
      <alignment horizontal="left" vertical="center" wrapText="1"/>
    </xf>
    <xf numFmtId="0" fontId="3" fillId="0" borderId="1" xfId="0" applyFont="1" applyBorder="1" applyAlignment="1">
      <alignment horizontal="left" vertical="center" wrapText="1"/>
    </xf>
    <xf numFmtId="0" fontId="3" fillId="0" borderId="17" xfId="0" applyFont="1" applyBorder="1" applyAlignment="1">
      <alignment horizontal="left" vertical="center" wrapText="1"/>
    </xf>
    <xf numFmtId="0" fontId="3" fillId="0" borderId="0" xfId="0" applyFont="1" applyBorder="1" applyAlignment="1">
      <alignment horizontal="left" vertical="center" wrapText="1"/>
    </xf>
    <xf numFmtId="0" fontId="3" fillId="0" borderId="27" xfId="0" applyFont="1" applyBorder="1" applyAlignment="1">
      <alignment horizontal="left" vertical="center" wrapText="1"/>
    </xf>
    <xf numFmtId="0" fontId="3" fillId="0" borderId="16" xfId="0" applyFont="1" applyBorder="1" applyAlignment="1">
      <alignment horizontal="left" vertical="center" wrapText="1"/>
    </xf>
    <xf numFmtId="0" fontId="3" fillId="0" borderId="5" xfId="0" applyFont="1" applyBorder="1" applyAlignment="1">
      <alignment horizontal="left" vertical="center" wrapText="1"/>
    </xf>
    <xf numFmtId="0" fontId="3" fillId="0" borderId="15" xfId="0" applyFont="1" applyBorder="1" applyAlignment="1">
      <alignment horizontal="left" vertical="center" wrapText="1"/>
    </xf>
    <xf numFmtId="0" fontId="4" fillId="0" borderId="2" xfId="0" applyFont="1" applyBorder="1" applyAlignment="1">
      <alignment horizontal="left" vertical="center" wrapText="1"/>
    </xf>
    <xf numFmtId="0" fontId="3" fillId="0" borderId="6" xfId="0" applyFont="1" applyBorder="1" applyAlignment="1">
      <alignment horizontal="left" shrinkToFit="1"/>
    </xf>
    <xf numFmtId="0" fontId="3" fillId="0" borderId="7" xfId="0" applyFont="1" applyBorder="1" applyAlignment="1">
      <alignment horizontal="left" shrinkToFit="1"/>
    </xf>
    <xf numFmtId="0" fontId="3" fillId="0" borderId="8" xfId="0" applyFont="1" applyBorder="1" applyAlignment="1">
      <alignment horizontal="left" shrinkToFit="1"/>
    </xf>
    <xf numFmtId="0" fontId="3" fillId="0" borderId="7" xfId="0" applyFont="1" applyBorder="1" applyAlignment="1">
      <alignment horizontal="justify" wrapText="1"/>
    </xf>
    <xf numFmtId="0" fontId="3" fillId="0" borderId="0" xfId="0" applyFont="1" applyAlignment="1">
      <alignment horizontal="center" vertical="center"/>
    </xf>
    <xf numFmtId="0" fontId="0" fillId="0" borderId="4" xfId="0" applyFont="1" applyBorder="1" applyAlignment="1">
      <alignment horizontal="left" vertical="center" wrapText="1"/>
    </xf>
    <xf numFmtId="0" fontId="3" fillId="0" borderId="51" xfId="0" applyFont="1" applyBorder="1" applyAlignment="1">
      <alignment horizontal="justify" vertical="center" wrapText="1"/>
    </xf>
    <xf numFmtId="0" fontId="3" fillId="0" borderId="6" xfId="0" applyFont="1" applyBorder="1" applyAlignment="1">
      <alignment horizontal="left"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0" fillId="0" borderId="2" xfId="0" applyFont="1" applyBorder="1" applyAlignment="1">
      <alignment horizontal="left" wrapText="1"/>
    </xf>
    <xf numFmtId="0" fontId="0" fillId="0" borderId="6" xfId="0" applyFont="1" applyBorder="1" applyAlignment="1">
      <alignment horizontal="left" wrapText="1"/>
    </xf>
    <xf numFmtId="0" fontId="0" fillId="0" borderId="5" xfId="0" applyBorder="1" applyAlignment="1">
      <alignment horizontal="center" vertical="center"/>
    </xf>
  </cellXfs>
  <cellStyles count="47">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45"/>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2" xfId="44"/>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2"/>
    <cellStyle name="標準 3" xfId="43"/>
    <cellStyle name="標準 4" xfId="46"/>
    <cellStyle name="良い" xfId="41" builtinId="26" customBuiltin="1"/>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twoCellAnchor>
    <xdr:from>
      <xdr:col>5</xdr:col>
      <xdr:colOff>3094137</xdr:colOff>
      <xdr:row>20</xdr:row>
      <xdr:rowOff>0</xdr:rowOff>
    </xdr:from>
    <xdr:to>
      <xdr:col>6</xdr:col>
      <xdr:colOff>467134</xdr:colOff>
      <xdr:row>20</xdr:row>
      <xdr:rowOff>0</xdr:rowOff>
    </xdr:to>
    <xdr:sp macro="" textlink="">
      <xdr:nvSpPr>
        <xdr:cNvPr id="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0</xdr:row>
      <xdr:rowOff>0</xdr:rowOff>
    </xdr:from>
    <xdr:to>
      <xdr:col>6</xdr:col>
      <xdr:colOff>467134</xdr:colOff>
      <xdr:row>20</xdr:row>
      <xdr:rowOff>0</xdr:rowOff>
    </xdr:to>
    <xdr:sp macro="" textlink="">
      <xdr:nvSpPr>
        <xdr:cNvPr id="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0</xdr:row>
      <xdr:rowOff>0</xdr:rowOff>
    </xdr:from>
    <xdr:to>
      <xdr:col>6</xdr:col>
      <xdr:colOff>467134</xdr:colOff>
      <xdr:row>20</xdr:row>
      <xdr:rowOff>0</xdr:rowOff>
    </xdr:to>
    <xdr:sp macro="" textlink="">
      <xdr:nvSpPr>
        <xdr:cNvPr id="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20</xdr:row>
      <xdr:rowOff>0</xdr:rowOff>
    </xdr:from>
    <xdr:to>
      <xdr:col>10</xdr:col>
      <xdr:colOff>323980</xdr:colOff>
      <xdr:row>20</xdr:row>
      <xdr:rowOff>0</xdr:rowOff>
    </xdr:to>
    <xdr:sp macro="" textlink="">
      <xdr:nvSpPr>
        <xdr:cNvPr id="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0</xdr:row>
      <xdr:rowOff>0</xdr:rowOff>
    </xdr:from>
    <xdr:to>
      <xdr:col>4</xdr:col>
      <xdr:colOff>2295097</xdr:colOff>
      <xdr:row>20</xdr:row>
      <xdr:rowOff>0</xdr:rowOff>
    </xdr:to>
    <xdr:sp macro="" textlink="">
      <xdr:nvSpPr>
        <xdr:cNvPr id="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20</xdr:row>
      <xdr:rowOff>0</xdr:rowOff>
    </xdr:from>
    <xdr:to>
      <xdr:col>1</xdr:col>
      <xdr:colOff>1553394</xdr:colOff>
      <xdr:row>20</xdr:row>
      <xdr:rowOff>0</xdr:rowOff>
    </xdr:to>
    <xdr:sp macro="" textlink="">
      <xdr:nvSpPr>
        <xdr:cNvPr id="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1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1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2</xdr:row>
      <xdr:rowOff>0</xdr:rowOff>
    </xdr:from>
    <xdr:to>
      <xdr:col>0</xdr:col>
      <xdr:colOff>180975</xdr:colOff>
      <xdr:row>22</xdr:row>
      <xdr:rowOff>0</xdr:rowOff>
    </xdr:to>
    <xdr:sp macro="" textlink="">
      <xdr:nvSpPr>
        <xdr:cNvPr id="12" name="Text Box 27"/>
        <xdr:cNvSpPr txBox="1"/>
      </xdr:nvSpPr>
      <xdr:spPr bwMode="auto">
        <a:xfrm>
          <a:off x="9544" y="7715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0</xdr:row>
      <xdr:rowOff>0</xdr:rowOff>
    </xdr:from>
    <xdr:to>
      <xdr:col>6</xdr:col>
      <xdr:colOff>467134</xdr:colOff>
      <xdr:row>20</xdr:row>
      <xdr:rowOff>0</xdr:rowOff>
    </xdr:to>
    <xdr:sp macro="" textlink="">
      <xdr:nvSpPr>
        <xdr:cNvPr id="13"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0</xdr:row>
      <xdr:rowOff>0</xdr:rowOff>
    </xdr:from>
    <xdr:to>
      <xdr:col>6</xdr:col>
      <xdr:colOff>467134</xdr:colOff>
      <xdr:row>20</xdr:row>
      <xdr:rowOff>0</xdr:rowOff>
    </xdr:to>
    <xdr:sp macro="" textlink="">
      <xdr:nvSpPr>
        <xdr:cNvPr id="14"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0</xdr:row>
      <xdr:rowOff>0</xdr:rowOff>
    </xdr:from>
    <xdr:to>
      <xdr:col>6</xdr:col>
      <xdr:colOff>467134</xdr:colOff>
      <xdr:row>20</xdr:row>
      <xdr:rowOff>0</xdr:rowOff>
    </xdr:to>
    <xdr:sp macro="" textlink="">
      <xdr:nvSpPr>
        <xdr:cNvPr id="15"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20</xdr:row>
      <xdr:rowOff>0</xdr:rowOff>
    </xdr:from>
    <xdr:to>
      <xdr:col>10</xdr:col>
      <xdr:colOff>323980</xdr:colOff>
      <xdr:row>20</xdr:row>
      <xdr:rowOff>0</xdr:rowOff>
    </xdr:to>
    <xdr:sp macro="" textlink="">
      <xdr:nvSpPr>
        <xdr:cNvPr id="16"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0</xdr:row>
      <xdr:rowOff>0</xdr:rowOff>
    </xdr:from>
    <xdr:to>
      <xdr:col>4</xdr:col>
      <xdr:colOff>2295097</xdr:colOff>
      <xdr:row>20</xdr:row>
      <xdr:rowOff>0</xdr:rowOff>
    </xdr:to>
    <xdr:sp macro="" textlink="">
      <xdr:nvSpPr>
        <xdr:cNvPr id="17"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20</xdr:row>
      <xdr:rowOff>0</xdr:rowOff>
    </xdr:from>
    <xdr:to>
      <xdr:col>1</xdr:col>
      <xdr:colOff>1553394</xdr:colOff>
      <xdr:row>20</xdr:row>
      <xdr:rowOff>0</xdr:rowOff>
    </xdr:to>
    <xdr:sp macro="" textlink="">
      <xdr:nvSpPr>
        <xdr:cNvPr id="18"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19"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20"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21"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22"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2</xdr:row>
      <xdr:rowOff>0</xdr:rowOff>
    </xdr:from>
    <xdr:to>
      <xdr:col>0</xdr:col>
      <xdr:colOff>180975</xdr:colOff>
      <xdr:row>22</xdr:row>
      <xdr:rowOff>0</xdr:rowOff>
    </xdr:to>
    <xdr:sp macro="" textlink="">
      <xdr:nvSpPr>
        <xdr:cNvPr id="23" name="Text Box 27"/>
        <xdr:cNvSpPr txBox="1"/>
      </xdr:nvSpPr>
      <xdr:spPr bwMode="auto">
        <a:xfrm>
          <a:off x="9544" y="7715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0</xdr:row>
      <xdr:rowOff>0</xdr:rowOff>
    </xdr:from>
    <xdr:to>
      <xdr:col>6</xdr:col>
      <xdr:colOff>467134</xdr:colOff>
      <xdr:row>20</xdr:row>
      <xdr:rowOff>0</xdr:rowOff>
    </xdr:to>
    <xdr:sp macro="" textlink="">
      <xdr:nvSpPr>
        <xdr:cNvPr id="24"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0</xdr:row>
      <xdr:rowOff>0</xdr:rowOff>
    </xdr:from>
    <xdr:to>
      <xdr:col>6</xdr:col>
      <xdr:colOff>467134</xdr:colOff>
      <xdr:row>20</xdr:row>
      <xdr:rowOff>0</xdr:rowOff>
    </xdr:to>
    <xdr:sp macro="" textlink="">
      <xdr:nvSpPr>
        <xdr:cNvPr id="25"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0</xdr:row>
      <xdr:rowOff>0</xdr:rowOff>
    </xdr:from>
    <xdr:to>
      <xdr:col>6</xdr:col>
      <xdr:colOff>467134</xdr:colOff>
      <xdr:row>20</xdr:row>
      <xdr:rowOff>0</xdr:rowOff>
    </xdr:to>
    <xdr:sp macro="" textlink="">
      <xdr:nvSpPr>
        <xdr:cNvPr id="26"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20</xdr:row>
      <xdr:rowOff>0</xdr:rowOff>
    </xdr:from>
    <xdr:to>
      <xdr:col>10</xdr:col>
      <xdr:colOff>323980</xdr:colOff>
      <xdr:row>20</xdr:row>
      <xdr:rowOff>0</xdr:rowOff>
    </xdr:to>
    <xdr:sp macro="" textlink="">
      <xdr:nvSpPr>
        <xdr:cNvPr id="27"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0</xdr:row>
      <xdr:rowOff>0</xdr:rowOff>
    </xdr:from>
    <xdr:to>
      <xdr:col>4</xdr:col>
      <xdr:colOff>2295097</xdr:colOff>
      <xdr:row>20</xdr:row>
      <xdr:rowOff>0</xdr:rowOff>
    </xdr:to>
    <xdr:sp macro="" textlink="">
      <xdr:nvSpPr>
        <xdr:cNvPr id="28"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20</xdr:row>
      <xdr:rowOff>0</xdr:rowOff>
    </xdr:from>
    <xdr:to>
      <xdr:col>1</xdr:col>
      <xdr:colOff>1553394</xdr:colOff>
      <xdr:row>20</xdr:row>
      <xdr:rowOff>0</xdr:rowOff>
    </xdr:to>
    <xdr:sp macro="" textlink="">
      <xdr:nvSpPr>
        <xdr:cNvPr id="29"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30"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31"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32"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33"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2</xdr:row>
      <xdr:rowOff>0</xdr:rowOff>
    </xdr:from>
    <xdr:to>
      <xdr:col>0</xdr:col>
      <xdr:colOff>180975</xdr:colOff>
      <xdr:row>22</xdr:row>
      <xdr:rowOff>0</xdr:rowOff>
    </xdr:to>
    <xdr:sp macro="" textlink="">
      <xdr:nvSpPr>
        <xdr:cNvPr id="34" name="Text Box 27"/>
        <xdr:cNvSpPr txBox="1"/>
      </xdr:nvSpPr>
      <xdr:spPr bwMode="auto">
        <a:xfrm>
          <a:off x="9544" y="7715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0</xdr:row>
      <xdr:rowOff>0</xdr:rowOff>
    </xdr:from>
    <xdr:to>
      <xdr:col>6</xdr:col>
      <xdr:colOff>467134</xdr:colOff>
      <xdr:row>20</xdr:row>
      <xdr:rowOff>0</xdr:rowOff>
    </xdr:to>
    <xdr:sp macro="" textlink="">
      <xdr:nvSpPr>
        <xdr:cNvPr id="35"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0</xdr:row>
      <xdr:rowOff>0</xdr:rowOff>
    </xdr:from>
    <xdr:to>
      <xdr:col>6</xdr:col>
      <xdr:colOff>467134</xdr:colOff>
      <xdr:row>20</xdr:row>
      <xdr:rowOff>0</xdr:rowOff>
    </xdr:to>
    <xdr:sp macro="" textlink="">
      <xdr:nvSpPr>
        <xdr:cNvPr id="36"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0</xdr:row>
      <xdr:rowOff>0</xdr:rowOff>
    </xdr:from>
    <xdr:to>
      <xdr:col>6</xdr:col>
      <xdr:colOff>467134</xdr:colOff>
      <xdr:row>20</xdr:row>
      <xdr:rowOff>0</xdr:rowOff>
    </xdr:to>
    <xdr:sp macro="" textlink="">
      <xdr:nvSpPr>
        <xdr:cNvPr id="37"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20</xdr:row>
      <xdr:rowOff>0</xdr:rowOff>
    </xdr:from>
    <xdr:to>
      <xdr:col>10</xdr:col>
      <xdr:colOff>323980</xdr:colOff>
      <xdr:row>20</xdr:row>
      <xdr:rowOff>0</xdr:rowOff>
    </xdr:to>
    <xdr:sp macro="" textlink="">
      <xdr:nvSpPr>
        <xdr:cNvPr id="38"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0</xdr:row>
      <xdr:rowOff>0</xdr:rowOff>
    </xdr:from>
    <xdr:to>
      <xdr:col>4</xdr:col>
      <xdr:colOff>2295097</xdr:colOff>
      <xdr:row>20</xdr:row>
      <xdr:rowOff>0</xdr:rowOff>
    </xdr:to>
    <xdr:sp macro="" textlink="">
      <xdr:nvSpPr>
        <xdr:cNvPr id="39"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40"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41"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0</xdr:row>
      <xdr:rowOff>0</xdr:rowOff>
    </xdr:from>
    <xdr:to>
      <xdr:col>4</xdr:col>
      <xdr:colOff>2370832</xdr:colOff>
      <xdr:row>20</xdr:row>
      <xdr:rowOff>0</xdr:rowOff>
    </xdr:to>
    <xdr:sp macro="" textlink="">
      <xdr:nvSpPr>
        <xdr:cNvPr id="42"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43"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2</xdr:row>
      <xdr:rowOff>0</xdr:rowOff>
    </xdr:from>
    <xdr:to>
      <xdr:col>0</xdr:col>
      <xdr:colOff>180975</xdr:colOff>
      <xdr:row>22</xdr:row>
      <xdr:rowOff>0</xdr:rowOff>
    </xdr:to>
    <xdr:sp macro="" textlink="">
      <xdr:nvSpPr>
        <xdr:cNvPr id="44" name="Text Box 27"/>
        <xdr:cNvSpPr txBox="1"/>
      </xdr:nvSpPr>
      <xdr:spPr bwMode="auto">
        <a:xfrm>
          <a:off x="9544" y="7715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2:AF24"/>
  <sheetViews>
    <sheetView tabSelected="1" view="pageBreakPreview" zoomScale="85" zoomScaleNormal="100" zoomScaleSheetLayoutView="85" workbookViewId="0">
      <selection activeCell="E16" sqref="E16"/>
    </sheetView>
  </sheetViews>
  <sheetFormatPr defaultRowHeight="20.25" customHeight="1" x14ac:dyDescent="0.15"/>
  <cols>
    <col min="1" max="1" width="4.25" style="128" customWidth="1"/>
    <col min="2" max="2" width="4.25" style="147" customWidth="1"/>
    <col min="3" max="3" width="25" style="126" customWidth="1"/>
    <col min="4" max="4" width="4.875" style="126" customWidth="1"/>
    <col min="5" max="5" width="41.625" style="126" customWidth="1"/>
    <col min="6" max="6" width="4.875" style="126" customWidth="1"/>
    <col min="7" max="7" width="19.625" style="126" customWidth="1"/>
    <col min="8" max="8" width="33.875" style="126" customWidth="1"/>
    <col min="9" max="32" width="4.875" style="126" customWidth="1"/>
    <col min="33" max="267" width="9" style="126"/>
    <col min="268" max="268" width="4.25" style="126" customWidth="1"/>
    <col min="269" max="269" width="25" style="126" customWidth="1"/>
    <col min="270" max="270" width="41.625" style="126" customWidth="1"/>
    <col min="271" max="271" width="19.625" style="126" customWidth="1"/>
    <col min="272" max="272" width="33.875" style="126" customWidth="1"/>
    <col min="273" max="273" width="25" style="126" customWidth="1"/>
    <col min="274" max="274" width="13.625" style="126" customWidth="1"/>
    <col min="275" max="288" width="4.875" style="126" customWidth="1"/>
    <col min="289" max="523" width="9" style="126"/>
    <col min="524" max="524" width="4.25" style="126" customWidth="1"/>
    <col min="525" max="525" width="25" style="126" customWidth="1"/>
    <col min="526" max="526" width="41.625" style="126" customWidth="1"/>
    <col min="527" max="527" width="19.625" style="126" customWidth="1"/>
    <col min="528" max="528" width="33.875" style="126" customWidth="1"/>
    <col min="529" max="529" width="25" style="126" customWidth="1"/>
    <col min="530" max="530" width="13.625" style="126" customWidth="1"/>
    <col min="531" max="544" width="4.875" style="126" customWidth="1"/>
    <col min="545" max="779" width="9" style="126"/>
    <col min="780" max="780" width="4.25" style="126" customWidth="1"/>
    <col min="781" max="781" width="25" style="126" customWidth="1"/>
    <col min="782" max="782" width="41.625" style="126" customWidth="1"/>
    <col min="783" max="783" width="19.625" style="126" customWidth="1"/>
    <col min="784" max="784" width="33.875" style="126" customWidth="1"/>
    <col min="785" max="785" width="25" style="126" customWidth="1"/>
    <col min="786" max="786" width="13.625" style="126" customWidth="1"/>
    <col min="787" max="800" width="4.875" style="126" customWidth="1"/>
    <col min="801" max="1035" width="9" style="126"/>
    <col min="1036" max="1036" width="4.25" style="126" customWidth="1"/>
    <col min="1037" max="1037" width="25" style="126" customWidth="1"/>
    <col min="1038" max="1038" width="41.625" style="126" customWidth="1"/>
    <col min="1039" max="1039" width="19.625" style="126" customWidth="1"/>
    <col min="1040" max="1040" width="33.875" style="126" customWidth="1"/>
    <col min="1041" max="1041" width="25" style="126" customWidth="1"/>
    <col min="1042" max="1042" width="13.625" style="126" customWidth="1"/>
    <col min="1043" max="1056" width="4.875" style="126" customWidth="1"/>
    <col min="1057" max="1291" width="9" style="126"/>
    <col min="1292" max="1292" width="4.25" style="126" customWidth="1"/>
    <col min="1293" max="1293" width="25" style="126" customWidth="1"/>
    <col min="1294" max="1294" width="41.625" style="126" customWidth="1"/>
    <col min="1295" max="1295" width="19.625" style="126" customWidth="1"/>
    <col min="1296" max="1296" width="33.875" style="126" customWidth="1"/>
    <col min="1297" max="1297" width="25" style="126" customWidth="1"/>
    <col min="1298" max="1298" width="13.625" style="126" customWidth="1"/>
    <col min="1299" max="1312" width="4.875" style="126" customWidth="1"/>
    <col min="1313" max="1547" width="9" style="126"/>
    <col min="1548" max="1548" width="4.25" style="126" customWidth="1"/>
    <col min="1549" max="1549" width="25" style="126" customWidth="1"/>
    <col min="1550" max="1550" width="41.625" style="126" customWidth="1"/>
    <col min="1551" max="1551" width="19.625" style="126" customWidth="1"/>
    <col min="1552" max="1552" width="33.875" style="126" customWidth="1"/>
    <col min="1553" max="1553" width="25" style="126" customWidth="1"/>
    <col min="1554" max="1554" width="13.625" style="126" customWidth="1"/>
    <col min="1555" max="1568" width="4.875" style="126" customWidth="1"/>
    <col min="1569" max="1803" width="9" style="126"/>
    <col min="1804" max="1804" width="4.25" style="126" customWidth="1"/>
    <col min="1805" max="1805" width="25" style="126" customWidth="1"/>
    <col min="1806" max="1806" width="41.625" style="126" customWidth="1"/>
    <col min="1807" max="1807" width="19.625" style="126" customWidth="1"/>
    <col min="1808" max="1808" width="33.875" style="126" customWidth="1"/>
    <col min="1809" max="1809" width="25" style="126" customWidth="1"/>
    <col min="1810" max="1810" width="13.625" style="126" customWidth="1"/>
    <col min="1811" max="1824" width="4.875" style="126" customWidth="1"/>
    <col min="1825" max="2059" width="9" style="126"/>
    <col min="2060" max="2060" width="4.25" style="126" customWidth="1"/>
    <col min="2061" max="2061" width="25" style="126" customWidth="1"/>
    <col min="2062" max="2062" width="41.625" style="126" customWidth="1"/>
    <col min="2063" max="2063" width="19.625" style="126" customWidth="1"/>
    <col min="2064" max="2064" width="33.875" style="126" customWidth="1"/>
    <col min="2065" max="2065" width="25" style="126" customWidth="1"/>
    <col min="2066" max="2066" width="13.625" style="126" customWidth="1"/>
    <col min="2067" max="2080" width="4.875" style="126" customWidth="1"/>
    <col min="2081" max="2315" width="9" style="126"/>
    <col min="2316" max="2316" width="4.25" style="126" customWidth="1"/>
    <col min="2317" max="2317" width="25" style="126" customWidth="1"/>
    <col min="2318" max="2318" width="41.625" style="126" customWidth="1"/>
    <col min="2319" max="2319" width="19.625" style="126" customWidth="1"/>
    <col min="2320" max="2320" width="33.875" style="126" customWidth="1"/>
    <col min="2321" max="2321" width="25" style="126" customWidth="1"/>
    <col min="2322" max="2322" width="13.625" style="126" customWidth="1"/>
    <col min="2323" max="2336" width="4.875" style="126" customWidth="1"/>
    <col min="2337" max="2571" width="9" style="126"/>
    <col min="2572" max="2572" width="4.25" style="126" customWidth="1"/>
    <col min="2573" max="2573" width="25" style="126" customWidth="1"/>
    <col min="2574" max="2574" width="41.625" style="126" customWidth="1"/>
    <col min="2575" max="2575" width="19.625" style="126" customWidth="1"/>
    <col min="2576" max="2576" width="33.875" style="126" customWidth="1"/>
    <col min="2577" max="2577" width="25" style="126" customWidth="1"/>
    <col min="2578" max="2578" width="13.625" style="126" customWidth="1"/>
    <col min="2579" max="2592" width="4.875" style="126" customWidth="1"/>
    <col min="2593" max="2827" width="9" style="126"/>
    <col min="2828" max="2828" width="4.25" style="126" customWidth="1"/>
    <col min="2829" max="2829" width="25" style="126" customWidth="1"/>
    <col min="2830" max="2830" width="41.625" style="126" customWidth="1"/>
    <col min="2831" max="2831" width="19.625" style="126" customWidth="1"/>
    <col min="2832" max="2832" width="33.875" style="126" customWidth="1"/>
    <col min="2833" max="2833" width="25" style="126" customWidth="1"/>
    <col min="2834" max="2834" width="13.625" style="126" customWidth="1"/>
    <col min="2835" max="2848" width="4.875" style="126" customWidth="1"/>
    <col min="2849" max="3083" width="9" style="126"/>
    <col min="3084" max="3084" width="4.25" style="126" customWidth="1"/>
    <col min="3085" max="3085" width="25" style="126" customWidth="1"/>
    <col min="3086" max="3086" width="41.625" style="126" customWidth="1"/>
    <col min="3087" max="3087" width="19.625" style="126" customWidth="1"/>
    <col min="3088" max="3088" width="33.875" style="126" customWidth="1"/>
    <col min="3089" max="3089" width="25" style="126" customWidth="1"/>
    <col min="3090" max="3090" width="13.625" style="126" customWidth="1"/>
    <col min="3091" max="3104" width="4.875" style="126" customWidth="1"/>
    <col min="3105" max="3339" width="9" style="126"/>
    <col min="3340" max="3340" width="4.25" style="126" customWidth="1"/>
    <col min="3341" max="3341" width="25" style="126" customWidth="1"/>
    <col min="3342" max="3342" width="41.625" style="126" customWidth="1"/>
    <col min="3343" max="3343" width="19.625" style="126" customWidth="1"/>
    <col min="3344" max="3344" width="33.875" style="126" customWidth="1"/>
    <col min="3345" max="3345" width="25" style="126" customWidth="1"/>
    <col min="3346" max="3346" width="13.625" style="126" customWidth="1"/>
    <col min="3347" max="3360" width="4.875" style="126" customWidth="1"/>
    <col min="3361" max="3595" width="9" style="126"/>
    <col min="3596" max="3596" width="4.25" style="126" customWidth="1"/>
    <col min="3597" max="3597" width="25" style="126" customWidth="1"/>
    <col min="3598" max="3598" width="41.625" style="126" customWidth="1"/>
    <col min="3599" max="3599" width="19.625" style="126" customWidth="1"/>
    <col min="3600" max="3600" width="33.875" style="126" customWidth="1"/>
    <col min="3601" max="3601" width="25" style="126" customWidth="1"/>
    <col min="3602" max="3602" width="13.625" style="126" customWidth="1"/>
    <col min="3603" max="3616" width="4.875" style="126" customWidth="1"/>
    <col min="3617" max="3851" width="9" style="126"/>
    <col min="3852" max="3852" width="4.25" style="126" customWidth="1"/>
    <col min="3853" max="3853" width="25" style="126" customWidth="1"/>
    <col min="3854" max="3854" width="41.625" style="126" customWidth="1"/>
    <col min="3855" max="3855" width="19.625" style="126" customWidth="1"/>
    <col min="3856" max="3856" width="33.875" style="126" customWidth="1"/>
    <col min="3857" max="3857" width="25" style="126" customWidth="1"/>
    <col min="3858" max="3858" width="13.625" style="126" customWidth="1"/>
    <col min="3859" max="3872" width="4.875" style="126" customWidth="1"/>
    <col min="3873" max="4107" width="9" style="126"/>
    <col min="4108" max="4108" width="4.25" style="126" customWidth="1"/>
    <col min="4109" max="4109" width="25" style="126" customWidth="1"/>
    <col min="4110" max="4110" width="41.625" style="126" customWidth="1"/>
    <col min="4111" max="4111" width="19.625" style="126" customWidth="1"/>
    <col min="4112" max="4112" width="33.875" style="126" customWidth="1"/>
    <col min="4113" max="4113" width="25" style="126" customWidth="1"/>
    <col min="4114" max="4114" width="13.625" style="126" customWidth="1"/>
    <col min="4115" max="4128" width="4.875" style="126" customWidth="1"/>
    <col min="4129" max="4363" width="9" style="126"/>
    <col min="4364" max="4364" width="4.25" style="126" customWidth="1"/>
    <col min="4365" max="4365" width="25" style="126" customWidth="1"/>
    <col min="4366" max="4366" width="41.625" style="126" customWidth="1"/>
    <col min="4367" max="4367" width="19.625" style="126" customWidth="1"/>
    <col min="4368" max="4368" width="33.875" style="126" customWidth="1"/>
    <col min="4369" max="4369" width="25" style="126" customWidth="1"/>
    <col min="4370" max="4370" width="13.625" style="126" customWidth="1"/>
    <col min="4371" max="4384" width="4.875" style="126" customWidth="1"/>
    <col min="4385" max="4619" width="9" style="126"/>
    <col min="4620" max="4620" width="4.25" style="126" customWidth="1"/>
    <col min="4621" max="4621" width="25" style="126" customWidth="1"/>
    <col min="4622" max="4622" width="41.625" style="126" customWidth="1"/>
    <col min="4623" max="4623" width="19.625" style="126" customWidth="1"/>
    <col min="4624" max="4624" width="33.875" style="126" customWidth="1"/>
    <col min="4625" max="4625" width="25" style="126" customWidth="1"/>
    <col min="4626" max="4626" width="13.625" style="126" customWidth="1"/>
    <col min="4627" max="4640" width="4.875" style="126" customWidth="1"/>
    <col min="4641" max="4875" width="9" style="126"/>
    <col min="4876" max="4876" width="4.25" style="126" customWidth="1"/>
    <col min="4877" max="4877" width="25" style="126" customWidth="1"/>
    <col min="4878" max="4878" width="41.625" style="126" customWidth="1"/>
    <col min="4879" max="4879" width="19.625" style="126" customWidth="1"/>
    <col min="4880" max="4880" width="33.875" style="126" customWidth="1"/>
    <col min="4881" max="4881" width="25" style="126" customWidth="1"/>
    <col min="4882" max="4882" width="13.625" style="126" customWidth="1"/>
    <col min="4883" max="4896" width="4.875" style="126" customWidth="1"/>
    <col min="4897" max="5131" width="9" style="126"/>
    <col min="5132" max="5132" width="4.25" style="126" customWidth="1"/>
    <col min="5133" max="5133" width="25" style="126" customWidth="1"/>
    <col min="5134" max="5134" width="41.625" style="126" customWidth="1"/>
    <col min="5135" max="5135" width="19.625" style="126" customWidth="1"/>
    <col min="5136" max="5136" width="33.875" style="126" customWidth="1"/>
    <col min="5137" max="5137" width="25" style="126" customWidth="1"/>
    <col min="5138" max="5138" width="13.625" style="126" customWidth="1"/>
    <col min="5139" max="5152" width="4.875" style="126" customWidth="1"/>
    <col min="5153" max="5387" width="9" style="126"/>
    <col min="5388" max="5388" width="4.25" style="126" customWidth="1"/>
    <col min="5389" max="5389" width="25" style="126" customWidth="1"/>
    <col min="5390" max="5390" width="41.625" style="126" customWidth="1"/>
    <col min="5391" max="5391" width="19.625" style="126" customWidth="1"/>
    <col min="5392" max="5392" width="33.875" style="126" customWidth="1"/>
    <col min="5393" max="5393" width="25" style="126" customWidth="1"/>
    <col min="5394" max="5394" width="13.625" style="126" customWidth="1"/>
    <col min="5395" max="5408" width="4.875" style="126" customWidth="1"/>
    <col min="5409" max="5643" width="9" style="126"/>
    <col min="5644" max="5644" width="4.25" style="126" customWidth="1"/>
    <col min="5645" max="5645" width="25" style="126" customWidth="1"/>
    <col min="5646" max="5646" width="41.625" style="126" customWidth="1"/>
    <col min="5647" max="5647" width="19.625" style="126" customWidth="1"/>
    <col min="5648" max="5648" width="33.875" style="126" customWidth="1"/>
    <col min="5649" max="5649" width="25" style="126" customWidth="1"/>
    <col min="5650" max="5650" width="13.625" style="126" customWidth="1"/>
    <col min="5651" max="5664" width="4.875" style="126" customWidth="1"/>
    <col min="5665" max="5899" width="9" style="126"/>
    <col min="5900" max="5900" width="4.25" style="126" customWidth="1"/>
    <col min="5901" max="5901" width="25" style="126" customWidth="1"/>
    <col min="5902" max="5902" width="41.625" style="126" customWidth="1"/>
    <col min="5903" max="5903" width="19.625" style="126" customWidth="1"/>
    <col min="5904" max="5904" width="33.875" style="126" customWidth="1"/>
    <col min="5905" max="5905" width="25" style="126" customWidth="1"/>
    <col min="5906" max="5906" width="13.625" style="126" customWidth="1"/>
    <col min="5907" max="5920" width="4.875" style="126" customWidth="1"/>
    <col min="5921" max="6155" width="9" style="126"/>
    <col min="6156" max="6156" width="4.25" style="126" customWidth="1"/>
    <col min="6157" max="6157" width="25" style="126" customWidth="1"/>
    <col min="6158" max="6158" width="41.625" style="126" customWidth="1"/>
    <col min="6159" max="6159" width="19.625" style="126" customWidth="1"/>
    <col min="6160" max="6160" width="33.875" style="126" customWidth="1"/>
    <col min="6161" max="6161" width="25" style="126" customWidth="1"/>
    <col min="6162" max="6162" width="13.625" style="126" customWidth="1"/>
    <col min="6163" max="6176" width="4.875" style="126" customWidth="1"/>
    <col min="6177" max="6411" width="9" style="126"/>
    <col min="6412" max="6412" width="4.25" style="126" customWidth="1"/>
    <col min="6413" max="6413" width="25" style="126" customWidth="1"/>
    <col min="6414" max="6414" width="41.625" style="126" customWidth="1"/>
    <col min="6415" max="6415" width="19.625" style="126" customWidth="1"/>
    <col min="6416" max="6416" width="33.875" style="126" customWidth="1"/>
    <col min="6417" max="6417" width="25" style="126" customWidth="1"/>
    <col min="6418" max="6418" width="13.625" style="126" customWidth="1"/>
    <col min="6419" max="6432" width="4.875" style="126" customWidth="1"/>
    <col min="6433" max="6667" width="9" style="126"/>
    <col min="6668" max="6668" width="4.25" style="126" customWidth="1"/>
    <col min="6669" max="6669" width="25" style="126" customWidth="1"/>
    <col min="6670" max="6670" width="41.625" style="126" customWidth="1"/>
    <col min="6671" max="6671" width="19.625" style="126" customWidth="1"/>
    <col min="6672" max="6672" width="33.875" style="126" customWidth="1"/>
    <col min="6673" max="6673" width="25" style="126" customWidth="1"/>
    <col min="6674" max="6674" width="13.625" style="126" customWidth="1"/>
    <col min="6675" max="6688" width="4.875" style="126" customWidth="1"/>
    <col min="6689" max="6923" width="9" style="126"/>
    <col min="6924" max="6924" width="4.25" style="126" customWidth="1"/>
    <col min="6925" max="6925" width="25" style="126" customWidth="1"/>
    <col min="6926" max="6926" width="41.625" style="126" customWidth="1"/>
    <col min="6927" max="6927" width="19.625" style="126" customWidth="1"/>
    <col min="6928" max="6928" width="33.875" style="126" customWidth="1"/>
    <col min="6929" max="6929" width="25" style="126" customWidth="1"/>
    <col min="6930" max="6930" width="13.625" style="126" customWidth="1"/>
    <col min="6931" max="6944" width="4.875" style="126" customWidth="1"/>
    <col min="6945" max="7179" width="9" style="126"/>
    <col min="7180" max="7180" width="4.25" style="126" customWidth="1"/>
    <col min="7181" max="7181" width="25" style="126" customWidth="1"/>
    <col min="7182" max="7182" width="41.625" style="126" customWidth="1"/>
    <col min="7183" max="7183" width="19.625" style="126" customWidth="1"/>
    <col min="7184" max="7184" width="33.875" style="126" customWidth="1"/>
    <col min="7185" max="7185" width="25" style="126" customWidth="1"/>
    <col min="7186" max="7186" width="13.625" style="126" customWidth="1"/>
    <col min="7187" max="7200" width="4.875" style="126" customWidth="1"/>
    <col min="7201" max="7435" width="9" style="126"/>
    <col min="7436" max="7436" width="4.25" style="126" customWidth="1"/>
    <col min="7437" max="7437" width="25" style="126" customWidth="1"/>
    <col min="7438" max="7438" width="41.625" style="126" customWidth="1"/>
    <col min="7439" max="7439" width="19.625" style="126" customWidth="1"/>
    <col min="7440" max="7440" width="33.875" style="126" customWidth="1"/>
    <col min="7441" max="7441" width="25" style="126" customWidth="1"/>
    <col min="7442" max="7442" width="13.625" style="126" customWidth="1"/>
    <col min="7443" max="7456" width="4.875" style="126" customWidth="1"/>
    <col min="7457" max="7691" width="9" style="126"/>
    <col min="7692" max="7692" width="4.25" style="126" customWidth="1"/>
    <col min="7693" max="7693" width="25" style="126" customWidth="1"/>
    <col min="7694" max="7694" width="41.625" style="126" customWidth="1"/>
    <col min="7695" max="7695" width="19.625" style="126" customWidth="1"/>
    <col min="7696" max="7696" width="33.875" style="126" customWidth="1"/>
    <col min="7697" max="7697" width="25" style="126" customWidth="1"/>
    <col min="7698" max="7698" width="13.625" style="126" customWidth="1"/>
    <col min="7699" max="7712" width="4.875" style="126" customWidth="1"/>
    <col min="7713" max="7947" width="9" style="126"/>
    <col min="7948" max="7948" width="4.25" style="126" customWidth="1"/>
    <col min="7949" max="7949" width="25" style="126" customWidth="1"/>
    <col min="7950" max="7950" width="41.625" style="126" customWidth="1"/>
    <col min="7951" max="7951" width="19.625" style="126" customWidth="1"/>
    <col min="7952" max="7952" width="33.875" style="126" customWidth="1"/>
    <col min="7953" max="7953" width="25" style="126" customWidth="1"/>
    <col min="7954" max="7954" width="13.625" style="126" customWidth="1"/>
    <col min="7955" max="7968" width="4.875" style="126" customWidth="1"/>
    <col min="7969" max="8203" width="9" style="126"/>
    <col min="8204" max="8204" width="4.25" style="126" customWidth="1"/>
    <col min="8205" max="8205" width="25" style="126" customWidth="1"/>
    <col min="8206" max="8206" width="41.625" style="126" customWidth="1"/>
    <col min="8207" max="8207" width="19.625" style="126" customWidth="1"/>
    <col min="8208" max="8208" width="33.875" style="126" customWidth="1"/>
    <col min="8209" max="8209" width="25" style="126" customWidth="1"/>
    <col min="8210" max="8210" width="13.625" style="126" customWidth="1"/>
    <col min="8211" max="8224" width="4.875" style="126" customWidth="1"/>
    <col min="8225" max="8459" width="9" style="126"/>
    <col min="8460" max="8460" width="4.25" style="126" customWidth="1"/>
    <col min="8461" max="8461" width="25" style="126" customWidth="1"/>
    <col min="8462" max="8462" width="41.625" style="126" customWidth="1"/>
    <col min="8463" max="8463" width="19.625" style="126" customWidth="1"/>
    <col min="8464" max="8464" width="33.875" style="126" customWidth="1"/>
    <col min="8465" max="8465" width="25" style="126" customWidth="1"/>
    <col min="8466" max="8466" width="13.625" style="126" customWidth="1"/>
    <col min="8467" max="8480" width="4.875" style="126" customWidth="1"/>
    <col min="8481" max="8715" width="9" style="126"/>
    <col min="8716" max="8716" width="4.25" style="126" customWidth="1"/>
    <col min="8717" max="8717" width="25" style="126" customWidth="1"/>
    <col min="8718" max="8718" width="41.625" style="126" customWidth="1"/>
    <col min="8719" max="8719" width="19.625" style="126" customWidth="1"/>
    <col min="8720" max="8720" width="33.875" style="126" customWidth="1"/>
    <col min="8721" max="8721" width="25" style="126" customWidth="1"/>
    <col min="8722" max="8722" width="13.625" style="126" customWidth="1"/>
    <col min="8723" max="8736" width="4.875" style="126" customWidth="1"/>
    <col min="8737" max="8971" width="9" style="126"/>
    <col min="8972" max="8972" width="4.25" style="126" customWidth="1"/>
    <col min="8973" max="8973" width="25" style="126" customWidth="1"/>
    <col min="8974" max="8974" width="41.625" style="126" customWidth="1"/>
    <col min="8975" max="8975" width="19.625" style="126" customWidth="1"/>
    <col min="8976" max="8976" width="33.875" style="126" customWidth="1"/>
    <col min="8977" max="8977" width="25" style="126" customWidth="1"/>
    <col min="8978" max="8978" width="13.625" style="126" customWidth="1"/>
    <col min="8979" max="8992" width="4.875" style="126" customWidth="1"/>
    <col min="8993" max="9227" width="9" style="126"/>
    <col min="9228" max="9228" width="4.25" style="126" customWidth="1"/>
    <col min="9229" max="9229" width="25" style="126" customWidth="1"/>
    <col min="9230" max="9230" width="41.625" style="126" customWidth="1"/>
    <col min="9231" max="9231" width="19.625" style="126" customWidth="1"/>
    <col min="9232" max="9232" width="33.875" style="126" customWidth="1"/>
    <col min="9233" max="9233" width="25" style="126" customWidth="1"/>
    <col min="9234" max="9234" width="13.625" style="126" customWidth="1"/>
    <col min="9235" max="9248" width="4.875" style="126" customWidth="1"/>
    <col min="9249" max="9483" width="9" style="126"/>
    <col min="9484" max="9484" width="4.25" style="126" customWidth="1"/>
    <col min="9485" max="9485" width="25" style="126" customWidth="1"/>
    <col min="9486" max="9486" width="41.625" style="126" customWidth="1"/>
    <col min="9487" max="9487" width="19.625" style="126" customWidth="1"/>
    <col min="9488" max="9488" width="33.875" style="126" customWidth="1"/>
    <col min="9489" max="9489" width="25" style="126" customWidth="1"/>
    <col min="9490" max="9490" width="13.625" style="126" customWidth="1"/>
    <col min="9491" max="9504" width="4.875" style="126" customWidth="1"/>
    <col min="9505" max="9739" width="9" style="126"/>
    <col min="9740" max="9740" width="4.25" style="126" customWidth="1"/>
    <col min="9741" max="9741" width="25" style="126" customWidth="1"/>
    <col min="9742" max="9742" width="41.625" style="126" customWidth="1"/>
    <col min="9743" max="9743" width="19.625" style="126" customWidth="1"/>
    <col min="9744" max="9744" width="33.875" style="126" customWidth="1"/>
    <col min="9745" max="9745" width="25" style="126" customWidth="1"/>
    <col min="9746" max="9746" width="13.625" style="126" customWidth="1"/>
    <col min="9747" max="9760" width="4.875" style="126" customWidth="1"/>
    <col min="9761" max="9995" width="9" style="126"/>
    <col min="9996" max="9996" width="4.25" style="126" customWidth="1"/>
    <col min="9997" max="9997" width="25" style="126" customWidth="1"/>
    <col min="9998" max="9998" width="41.625" style="126" customWidth="1"/>
    <col min="9999" max="9999" width="19.625" style="126" customWidth="1"/>
    <col min="10000" max="10000" width="33.875" style="126" customWidth="1"/>
    <col min="10001" max="10001" width="25" style="126" customWidth="1"/>
    <col min="10002" max="10002" width="13.625" style="126" customWidth="1"/>
    <col min="10003" max="10016" width="4.875" style="126" customWidth="1"/>
    <col min="10017" max="10251" width="9" style="126"/>
    <col min="10252" max="10252" width="4.25" style="126" customWidth="1"/>
    <col min="10253" max="10253" width="25" style="126" customWidth="1"/>
    <col min="10254" max="10254" width="41.625" style="126" customWidth="1"/>
    <col min="10255" max="10255" width="19.625" style="126" customWidth="1"/>
    <col min="10256" max="10256" width="33.875" style="126" customWidth="1"/>
    <col min="10257" max="10257" width="25" style="126" customWidth="1"/>
    <col min="10258" max="10258" width="13.625" style="126" customWidth="1"/>
    <col min="10259" max="10272" width="4.875" style="126" customWidth="1"/>
    <col min="10273" max="10507" width="9" style="126"/>
    <col min="10508" max="10508" width="4.25" style="126" customWidth="1"/>
    <col min="10509" max="10509" width="25" style="126" customWidth="1"/>
    <col min="10510" max="10510" width="41.625" style="126" customWidth="1"/>
    <col min="10511" max="10511" width="19.625" style="126" customWidth="1"/>
    <col min="10512" max="10512" width="33.875" style="126" customWidth="1"/>
    <col min="10513" max="10513" width="25" style="126" customWidth="1"/>
    <col min="10514" max="10514" width="13.625" style="126" customWidth="1"/>
    <col min="10515" max="10528" width="4.875" style="126" customWidth="1"/>
    <col min="10529" max="10763" width="9" style="126"/>
    <col min="10764" max="10764" width="4.25" style="126" customWidth="1"/>
    <col min="10765" max="10765" width="25" style="126" customWidth="1"/>
    <col min="10766" max="10766" width="41.625" style="126" customWidth="1"/>
    <col min="10767" max="10767" width="19.625" style="126" customWidth="1"/>
    <col min="10768" max="10768" width="33.875" style="126" customWidth="1"/>
    <col min="10769" max="10769" width="25" style="126" customWidth="1"/>
    <col min="10770" max="10770" width="13.625" style="126" customWidth="1"/>
    <col min="10771" max="10784" width="4.875" style="126" customWidth="1"/>
    <col min="10785" max="11019" width="9" style="126"/>
    <col min="11020" max="11020" width="4.25" style="126" customWidth="1"/>
    <col min="11021" max="11021" width="25" style="126" customWidth="1"/>
    <col min="11022" max="11022" width="41.625" style="126" customWidth="1"/>
    <col min="11023" max="11023" width="19.625" style="126" customWidth="1"/>
    <col min="11024" max="11024" width="33.875" style="126" customWidth="1"/>
    <col min="11025" max="11025" width="25" style="126" customWidth="1"/>
    <col min="11026" max="11026" width="13.625" style="126" customWidth="1"/>
    <col min="11027" max="11040" width="4.875" style="126" customWidth="1"/>
    <col min="11041" max="11275" width="9" style="126"/>
    <col min="11276" max="11276" width="4.25" style="126" customWidth="1"/>
    <col min="11277" max="11277" width="25" style="126" customWidth="1"/>
    <col min="11278" max="11278" width="41.625" style="126" customWidth="1"/>
    <col min="11279" max="11279" width="19.625" style="126" customWidth="1"/>
    <col min="11280" max="11280" width="33.875" style="126" customWidth="1"/>
    <col min="11281" max="11281" width="25" style="126" customWidth="1"/>
    <col min="11282" max="11282" width="13.625" style="126" customWidth="1"/>
    <col min="11283" max="11296" width="4.875" style="126" customWidth="1"/>
    <col min="11297" max="11531" width="9" style="126"/>
    <col min="11532" max="11532" width="4.25" style="126" customWidth="1"/>
    <col min="11533" max="11533" width="25" style="126" customWidth="1"/>
    <col min="11534" max="11534" width="41.625" style="126" customWidth="1"/>
    <col min="11535" max="11535" width="19.625" style="126" customWidth="1"/>
    <col min="11536" max="11536" width="33.875" style="126" customWidth="1"/>
    <col min="11537" max="11537" width="25" style="126" customWidth="1"/>
    <col min="11538" max="11538" width="13.625" style="126" customWidth="1"/>
    <col min="11539" max="11552" width="4.875" style="126" customWidth="1"/>
    <col min="11553" max="11787" width="9" style="126"/>
    <col min="11788" max="11788" width="4.25" style="126" customWidth="1"/>
    <col min="11789" max="11789" width="25" style="126" customWidth="1"/>
    <col min="11790" max="11790" width="41.625" style="126" customWidth="1"/>
    <col min="11791" max="11791" width="19.625" style="126" customWidth="1"/>
    <col min="11792" max="11792" width="33.875" style="126" customWidth="1"/>
    <col min="11793" max="11793" width="25" style="126" customWidth="1"/>
    <col min="11794" max="11794" width="13.625" style="126" customWidth="1"/>
    <col min="11795" max="11808" width="4.875" style="126" customWidth="1"/>
    <col min="11809" max="12043" width="9" style="126"/>
    <col min="12044" max="12044" width="4.25" style="126" customWidth="1"/>
    <col min="12045" max="12045" width="25" style="126" customWidth="1"/>
    <col min="12046" max="12046" width="41.625" style="126" customWidth="1"/>
    <col min="12047" max="12047" width="19.625" style="126" customWidth="1"/>
    <col min="12048" max="12048" width="33.875" style="126" customWidth="1"/>
    <col min="12049" max="12049" width="25" style="126" customWidth="1"/>
    <col min="12050" max="12050" width="13.625" style="126" customWidth="1"/>
    <col min="12051" max="12064" width="4.875" style="126" customWidth="1"/>
    <col min="12065" max="12299" width="9" style="126"/>
    <col min="12300" max="12300" width="4.25" style="126" customWidth="1"/>
    <col min="12301" max="12301" width="25" style="126" customWidth="1"/>
    <col min="12302" max="12302" width="41.625" style="126" customWidth="1"/>
    <col min="12303" max="12303" width="19.625" style="126" customWidth="1"/>
    <col min="12304" max="12304" width="33.875" style="126" customWidth="1"/>
    <col min="12305" max="12305" width="25" style="126" customWidth="1"/>
    <col min="12306" max="12306" width="13.625" style="126" customWidth="1"/>
    <col min="12307" max="12320" width="4.875" style="126" customWidth="1"/>
    <col min="12321" max="12555" width="9" style="126"/>
    <col min="12556" max="12556" width="4.25" style="126" customWidth="1"/>
    <col min="12557" max="12557" width="25" style="126" customWidth="1"/>
    <col min="12558" max="12558" width="41.625" style="126" customWidth="1"/>
    <col min="12559" max="12559" width="19.625" style="126" customWidth="1"/>
    <col min="12560" max="12560" width="33.875" style="126" customWidth="1"/>
    <col min="12561" max="12561" width="25" style="126" customWidth="1"/>
    <col min="12562" max="12562" width="13.625" style="126" customWidth="1"/>
    <col min="12563" max="12576" width="4.875" style="126" customWidth="1"/>
    <col min="12577" max="12811" width="9" style="126"/>
    <col min="12812" max="12812" width="4.25" style="126" customWidth="1"/>
    <col min="12813" max="12813" width="25" style="126" customWidth="1"/>
    <col min="12814" max="12814" width="41.625" style="126" customWidth="1"/>
    <col min="12815" max="12815" width="19.625" style="126" customWidth="1"/>
    <col min="12816" max="12816" width="33.875" style="126" customWidth="1"/>
    <col min="12817" max="12817" width="25" style="126" customWidth="1"/>
    <col min="12818" max="12818" width="13.625" style="126" customWidth="1"/>
    <col min="12819" max="12832" width="4.875" style="126" customWidth="1"/>
    <col min="12833" max="13067" width="9" style="126"/>
    <col min="13068" max="13068" width="4.25" style="126" customWidth="1"/>
    <col min="13069" max="13069" width="25" style="126" customWidth="1"/>
    <col min="13070" max="13070" width="41.625" style="126" customWidth="1"/>
    <col min="13071" max="13071" width="19.625" style="126" customWidth="1"/>
    <col min="13072" max="13072" width="33.875" style="126" customWidth="1"/>
    <col min="13073" max="13073" width="25" style="126" customWidth="1"/>
    <col min="13074" max="13074" width="13.625" style="126" customWidth="1"/>
    <col min="13075" max="13088" width="4.875" style="126" customWidth="1"/>
    <col min="13089" max="13323" width="9" style="126"/>
    <col min="13324" max="13324" width="4.25" style="126" customWidth="1"/>
    <col min="13325" max="13325" width="25" style="126" customWidth="1"/>
    <col min="13326" max="13326" width="41.625" style="126" customWidth="1"/>
    <col min="13327" max="13327" width="19.625" style="126" customWidth="1"/>
    <col min="13328" max="13328" width="33.875" style="126" customWidth="1"/>
    <col min="13329" max="13329" width="25" style="126" customWidth="1"/>
    <col min="13330" max="13330" width="13.625" style="126" customWidth="1"/>
    <col min="13331" max="13344" width="4.875" style="126" customWidth="1"/>
    <col min="13345" max="13579" width="9" style="126"/>
    <col min="13580" max="13580" width="4.25" style="126" customWidth="1"/>
    <col min="13581" max="13581" width="25" style="126" customWidth="1"/>
    <col min="13582" max="13582" width="41.625" style="126" customWidth="1"/>
    <col min="13583" max="13583" width="19.625" style="126" customWidth="1"/>
    <col min="13584" max="13584" width="33.875" style="126" customWidth="1"/>
    <col min="13585" max="13585" width="25" style="126" customWidth="1"/>
    <col min="13586" max="13586" width="13.625" style="126" customWidth="1"/>
    <col min="13587" max="13600" width="4.875" style="126" customWidth="1"/>
    <col min="13601" max="13835" width="9" style="126"/>
    <col min="13836" max="13836" width="4.25" style="126" customWidth="1"/>
    <col min="13837" max="13837" width="25" style="126" customWidth="1"/>
    <col min="13838" max="13838" width="41.625" style="126" customWidth="1"/>
    <col min="13839" max="13839" width="19.625" style="126" customWidth="1"/>
    <col min="13840" max="13840" width="33.875" style="126" customWidth="1"/>
    <col min="13841" max="13841" width="25" style="126" customWidth="1"/>
    <col min="13842" max="13842" width="13.625" style="126" customWidth="1"/>
    <col min="13843" max="13856" width="4.875" style="126" customWidth="1"/>
    <col min="13857" max="14091" width="9" style="126"/>
    <col min="14092" max="14092" width="4.25" style="126" customWidth="1"/>
    <col min="14093" max="14093" width="25" style="126" customWidth="1"/>
    <col min="14094" max="14094" width="41.625" style="126" customWidth="1"/>
    <col min="14095" max="14095" width="19.625" style="126" customWidth="1"/>
    <col min="14096" max="14096" width="33.875" style="126" customWidth="1"/>
    <col min="14097" max="14097" width="25" style="126" customWidth="1"/>
    <col min="14098" max="14098" width="13.625" style="126" customWidth="1"/>
    <col min="14099" max="14112" width="4.875" style="126" customWidth="1"/>
    <col min="14113" max="14347" width="9" style="126"/>
    <col min="14348" max="14348" width="4.25" style="126" customWidth="1"/>
    <col min="14349" max="14349" width="25" style="126" customWidth="1"/>
    <col min="14350" max="14350" width="41.625" style="126" customWidth="1"/>
    <col min="14351" max="14351" width="19.625" style="126" customWidth="1"/>
    <col min="14352" max="14352" width="33.875" style="126" customWidth="1"/>
    <col min="14353" max="14353" width="25" style="126" customWidth="1"/>
    <col min="14354" max="14354" width="13.625" style="126" customWidth="1"/>
    <col min="14355" max="14368" width="4.875" style="126" customWidth="1"/>
    <col min="14369" max="14603" width="9" style="126"/>
    <col min="14604" max="14604" width="4.25" style="126" customWidth="1"/>
    <col min="14605" max="14605" width="25" style="126" customWidth="1"/>
    <col min="14606" max="14606" width="41.625" style="126" customWidth="1"/>
    <col min="14607" max="14607" width="19.625" style="126" customWidth="1"/>
    <col min="14608" max="14608" width="33.875" style="126" customWidth="1"/>
    <col min="14609" max="14609" width="25" style="126" customWidth="1"/>
    <col min="14610" max="14610" width="13.625" style="126" customWidth="1"/>
    <col min="14611" max="14624" width="4.875" style="126" customWidth="1"/>
    <col min="14625" max="14859" width="9" style="126"/>
    <col min="14860" max="14860" width="4.25" style="126" customWidth="1"/>
    <col min="14861" max="14861" width="25" style="126" customWidth="1"/>
    <col min="14862" max="14862" width="41.625" style="126" customWidth="1"/>
    <col min="14863" max="14863" width="19.625" style="126" customWidth="1"/>
    <col min="14864" max="14864" width="33.875" style="126" customWidth="1"/>
    <col min="14865" max="14865" width="25" style="126" customWidth="1"/>
    <col min="14866" max="14866" width="13.625" style="126" customWidth="1"/>
    <col min="14867" max="14880" width="4.875" style="126" customWidth="1"/>
    <col min="14881" max="15115" width="9" style="126"/>
    <col min="15116" max="15116" width="4.25" style="126" customWidth="1"/>
    <col min="15117" max="15117" width="25" style="126" customWidth="1"/>
    <col min="15118" max="15118" width="41.625" style="126" customWidth="1"/>
    <col min="15119" max="15119" width="19.625" style="126" customWidth="1"/>
    <col min="15120" max="15120" width="33.875" style="126" customWidth="1"/>
    <col min="15121" max="15121" width="25" style="126" customWidth="1"/>
    <col min="15122" max="15122" width="13.625" style="126" customWidth="1"/>
    <col min="15123" max="15136" width="4.875" style="126" customWidth="1"/>
    <col min="15137" max="15371" width="9" style="126"/>
    <col min="15372" max="15372" width="4.25" style="126" customWidth="1"/>
    <col min="15373" max="15373" width="25" style="126" customWidth="1"/>
    <col min="15374" max="15374" width="41.625" style="126" customWidth="1"/>
    <col min="15375" max="15375" width="19.625" style="126" customWidth="1"/>
    <col min="15376" max="15376" width="33.875" style="126" customWidth="1"/>
    <col min="15377" max="15377" width="25" style="126" customWidth="1"/>
    <col min="15378" max="15378" width="13.625" style="126" customWidth="1"/>
    <col min="15379" max="15392" width="4.875" style="126" customWidth="1"/>
    <col min="15393" max="15627" width="9" style="126"/>
    <col min="15628" max="15628" width="4.25" style="126" customWidth="1"/>
    <col min="15629" max="15629" width="25" style="126" customWidth="1"/>
    <col min="15630" max="15630" width="41.625" style="126" customWidth="1"/>
    <col min="15631" max="15631" width="19.625" style="126" customWidth="1"/>
    <col min="15632" max="15632" width="33.875" style="126" customWidth="1"/>
    <col min="15633" max="15633" width="25" style="126" customWidth="1"/>
    <col min="15634" max="15634" width="13.625" style="126" customWidth="1"/>
    <col min="15635" max="15648" width="4.875" style="126" customWidth="1"/>
    <col min="15649" max="15883" width="9" style="126"/>
    <col min="15884" max="15884" width="4.25" style="126" customWidth="1"/>
    <col min="15885" max="15885" width="25" style="126" customWidth="1"/>
    <col min="15886" max="15886" width="41.625" style="126" customWidth="1"/>
    <col min="15887" max="15887" width="19.625" style="126" customWidth="1"/>
    <col min="15888" max="15888" width="33.875" style="126" customWidth="1"/>
    <col min="15889" max="15889" width="25" style="126" customWidth="1"/>
    <col min="15890" max="15890" width="13.625" style="126" customWidth="1"/>
    <col min="15891" max="15904" width="4.875" style="126" customWidth="1"/>
    <col min="15905" max="16139" width="9" style="126"/>
    <col min="16140" max="16140" width="4.25" style="126" customWidth="1"/>
    <col min="16141" max="16141" width="25" style="126" customWidth="1"/>
    <col min="16142" max="16142" width="41.625" style="126" customWidth="1"/>
    <col min="16143" max="16143" width="19.625" style="126" customWidth="1"/>
    <col min="16144" max="16144" width="33.875" style="126" customWidth="1"/>
    <col min="16145" max="16145" width="25" style="126" customWidth="1"/>
    <col min="16146" max="16146" width="13.625" style="126" customWidth="1"/>
    <col min="16147" max="16160" width="4.875" style="126" customWidth="1"/>
    <col min="16161" max="16384" width="9" style="126"/>
  </cols>
  <sheetData>
    <row r="2" spans="1:32" ht="20.25" customHeight="1" x14ac:dyDescent="0.15">
      <c r="A2" s="94" t="s">
        <v>105</v>
      </c>
      <c r="B2" s="167"/>
    </row>
    <row r="3" spans="1:32" ht="20.25" customHeight="1" x14ac:dyDescent="0.15">
      <c r="A3" s="322" t="s">
        <v>372</v>
      </c>
      <c r="B3" s="322"/>
      <c r="C3" s="322"/>
      <c r="D3" s="322"/>
      <c r="E3" s="322"/>
      <c r="F3" s="322"/>
      <c r="G3" s="322"/>
      <c r="H3" s="322"/>
      <c r="I3" s="322"/>
      <c r="J3" s="322"/>
      <c r="K3" s="322"/>
      <c r="L3" s="322"/>
      <c r="M3" s="322"/>
      <c r="N3" s="322"/>
      <c r="O3" s="322"/>
      <c r="P3" s="322"/>
      <c r="Q3" s="322"/>
      <c r="R3" s="322"/>
      <c r="S3" s="322"/>
      <c r="T3" s="322"/>
      <c r="U3" s="322"/>
      <c r="V3" s="322"/>
      <c r="W3" s="322"/>
      <c r="X3" s="322"/>
      <c r="Y3" s="322"/>
      <c r="Z3" s="322"/>
      <c r="AA3" s="322"/>
      <c r="AB3" s="322"/>
      <c r="AC3" s="322"/>
      <c r="AD3" s="322"/>
      <c r="AE3" s="322"/>
      <c r="AF3" s="322"/>
    </row>
    <row r="4" spans="1:32" ht="20.25" customHeight="1" x14ac:dyDescent="0.15">
      <c r="A4" s="124"/>
      <c r="B4" s="124"/>
      <c r="C4" s="127"/>
      <c r="D4" s="127"/>
      <c r="E4" s="127"/>
      <c r="F4" s="127"/>
      <c r="G4" s="127"/>
      <c r="H4" s="127"/>
      <c r="I4" s="127"/>
      <c r="J4" s="127"/>
      <c r="K4" s="127"/>
      <c r="L4" s="127"/>
      <c r="M4" s="127"/>
      <c r="N4" s="127"/>
      <c r="O4" s="127"/>
      <c r="P4" s="127"/>
      <c r="Q4" s="127"/>
      <c r="R4" s="127"/>
      <c r="S4" s="127"/>
      <c r="T4" s="127"/>
      <c r="U4" s="127"/>
      <c r="V4" s="127"/>
      <c r="W4" s="127"/>
      <c r="X4" s="127"/>
      <c r="Y4" s="127"/>
      <c r="Z4" s="127"/>
      <c r="AA4" s="127"/>
      <c r="AB4" s="127"/>
      <c r="AC4" s="127"/>
      <c r="AD4" s="127"/>
      <c r="AE4" s="127"/>
      <c r="AF4" s="127"/>
    </row>
    <row r="5" spans="1:32" ht="30" customHeight="1" x14ac:dyDescent="0.15">
      <c r="A5" s="124"/>
      <c r="B5" s="124"/>
      <c r="C5" s="127"/>
      <c r="D5" s="127"/>
      <c r="E5" s="127"/>
      <c r="F5" s="127"/>
      <c r="G5" s="127"/>
      <c r="H5" s="127"/>
      <c r="I5" s="127"/>
      <c r="S5" s="323" t="s">
        <v>96</v>
      </c>
      <c r="T5" s="324"/>
      <c r="U5" s="324"/>
      <c r="V5" s="325"/>
      <c r="W5" s="181"/>
      <c r="X5" s="182"/>
      <c r="Y5" s="182"/>
      <c r="Z5" s="182"/>
      <c r="AA5" s="182"/>
      <c r="AB5" s="182"/>
      <c r="AC5" s="182"/>
      <c r="AD5" s="182"/>
      <c r="AE5" s="182"/>
      <c r="AF5" s="140"/>
    </row>
    <row r="6" spans="1:32" ht="20.25" customHeight="1" x14ac:dyDescent="0.15">
      <c r="A6" s="124"/>
      <c r="B6" s="124"/>
      <c r="C6" s="127"/>
      <c r="D6" s="127"/>
      <c r="E6" s="127"/>
      <c r="F6" s="127"/>
      <c r="G6" s="127"/>
      <c r="H6" s="127"/>
      <c r="I6" s="127"/>
      <c r="J6" s="127"/>
      <c r="K6" s="127"/>
      <c r="L6" s="127"/>
      <c r="M6" s="127"/>
      <c r="N6" s="127"/>
      <c r="O6" s="127"/>
      <c r="P6" s="127"/>
      <c r="Q6" s="127"/>
      <c r="R6" s="127"/>
      <c r="S6" s="127"/>
      <c r="T6" s="127"/>
      <c r="U6" s="127"/>
      <c r="V6" s="127"/>
      <c r="W6" s="127"/>
      <c r="X6" s="127"/>
      <c r="Y6" s="127"/>
      <c r="Z6" s="127"/>
      <c r="AA6" s="127"/>
      <c r="AB6" s="127"/>
      <c r="AC6" s="127"/>
      <c r="AD6" s="127"/>
      <c r="AE6" s="127"/>
      <c r="AF6" s="127"/>
    </row>
    <row r="7" spans="1:32" ht="17.25" customHeight="1" x14ac:dyDescent="0.15">
      <c r="A7" s="323" t="s">
        <v>139</v>
      </c>
      <c r="B7" s="324"/>
      <c r="C7" s="325"/>
      <c r="D7" s="323" t="s">
        <v>1</v>
      </c>
      <c r="E7" s="325"/>
      <c r="F7" s="323" t="s">
        <v>97</v>
      </c>
      <c r="G7" s="325"/>
      <c r="H7" s="323" t="s">
        <v>131</v>
      </c>
      <c r="I7" s="324"/>
      <c r="J7" s="324"/>
      <c r="K7" s="324"/>
      <c r="L7" s="324"/>
      <c r="M7" s="324"/>
      <c r="N7" s="324"/>
      <c r="O7" s="324"/>
      <c r="P7" s="324"/>
      <c r="Q7" s="324"/>
      <c r="R7" s="324"/>
      <c r="S7" s="324"/>
      <c r="T7" s="324"/>
      <c r="U7" s="324"/>
      <c r="V7" s="324"/>
      <c r="W7" s="324"/>
      <c r="X7" s="325"/>
      <c r="Y7" s="323" t="s">
        <v>142</v>
      </c>
      <c r="Z7" s="324"/>
      <c r="AA7" s="324"/>
      <c r="AB7" s="325"/>
      <c r="AC7" s="323" t="s">
        <v>98</v>
      </c>
      <c r="AD7" s="324"/>
      <c r="AE7" s="324"/>
      <c r="AF7" s="325"/>
    </row>
    <row r="8" spans="1:32" ht="18.75" customHeight="1" x14ac:dyDescent="0.15">
      <c r="A8" s="316" t="s">
        <v>99</v>
      </c>
      <c r="B8" s="317"/>
      <c r="C8" s="318"/>
      <c r="D8" s="316"/>
      <c r="E8" s="318"/>
      <c r="F8" s="316"/>
      <c r="G8" s="318"/>
      <c r="H8" s="314" t="s">
        <v>100</v>
      </c>
      <c r="I8" s="165" t="s">
        <v>161</v>
      </c>
      <c r="J8" s="97" t="s">
        <v>144</v>
      </c>
      <c r="K8" s="138"/>
      <c r="L8" s="138"/>
      <c r="M8" s="165" t="s">
        <v>161</v>
      </c>
      <c r="N8" s="97" t="s">
        <v>145</v>
      </c>
      <c r="O8" s="138"/>
      <c r="P8" s="138"/>
      <c r="Q8" s="165" t="s">
        <v>161</v>
      </c>
      <c r="R8" s="97" t="s">
        <v>146</v>
      </c>
      <c r="S8" s="138"/>
      <c r="T8" s="138"/>
      <c r="U8" s="165" t="s">
        <v>161</v>
      </c>
      <c r="V8" s="97" t="s">
        <v>147</v>
      </c>
      <c r="W8" s="138"/>
      <c r="X8" s="148"/>
      <c r="Y8" s="308"/>
      <c r="Z8" s="309"/>
      <c r="AA8" s="309"/>
      <c r="AB8" s="310"/>
      <c r="AC8" s="308"/>
      <c r="AD8" s="309"/>
      <c r="AE8" s="309"/>
      <c r="AF8" s="310"/>
    </row>
    <row r="9" spans="1:32" ht="18.75" customHeight="1" x14ac:dyDescent="0.15">
      <c r="A9" s="319"/>
      <c r="B9" s="320"/>
      <c r="C9" s="321"/>
      <c r="D9" s="319"/>
      <c r="E9" s="321"/>
      <c r="F9" s="319"/>
      <c r="G9" s="321"/>
      <c r="H9" s="315"/>
      <c r="I9" s="168" t="s">
        <v>161</v>
      </c>
      <c r="J9" s="89" t="s">
        <v>148</v>
      </c>
      <c r="K9" s="130"/>
      <c r="L9" s="130"/>
      <c r="M9" s="165" t="s">
        <v>161</v>
      </c>
      <c r="N9" s="89" t="s">
        <v>149</v>
      </c>
      <c r="O9" s="130"/>
      <c r="P9" s="130"/>
      <c r="Q9" s="661" t="s">
        <v>161</v>
      </c>
      <c r="R9" s="89" t="s">
        <v>150</v>
      </c>
      <c r="S9" s="130"/>
      <c r="T9" s="130"/>
      <c r="U9" s="165" t="s">
        <v>161</v>
      </c>
      <c r="V9" s="89" t="s">
        <v>151</v>
      </c>
      <c r="W9" s="130"/>
      <c r="X9" s="131"/>
      <c r="Y9" s="311"/>
      <c r="Z9" s="312"/>
      <c r="AA9" s="312"/>
      <c r="AB9" s="313"/>
      <c r="AC9" s="311"/>
      <c r="AD9" s="312"/>
      <c r="AE9" s="312"/>
      <c r="AF9" s="313"/>
    </row>
    <row r="10" spans="1:32" ht="18.75" customHeight="1" x14ac:dyDescent="0.15">
      <c r="A10" s="96"/>
      <c r="B10" s="187"/>
      <c r="C10" s="142"/>
      <c r="D10" s="132"/>
      <c r="E10" s="148"/>
      <c r="F10" s="192"/>
      <c r="G10" s="98"/>
      <c r="H10" s="189" t="s">
        <v>143</v>
      </c>
      <c r="I10" s="185" t="s">
        <v>161</v>
      </c>
      <c r="J10" s="154" t="s">
        <v>153</v>
      </c>
      <c r="K10" s="155"/>
      <c r="L10" s="186" t="s">
        <v>161</v>
      </c>
      <c r="M10" s="154" t="s">
        <v>160</v>
      </c>
      <c r="N10" s="155"/>
      <c r="O10" s="155"/>
      <c r="P10" s="155"/>
      <c r="Q10" s="155"/>
      <c r="R10" s="172"/>
      <c r="S10" s="172"/>
      <c r="T10" s="172"/>
      <c r="U10" s="172"/>
      <c r="V10" s="172"/>
      <c r="W10" s="172"/>
      <c r="X10" s="177"/>
      <c r="Y10" s="175" t="s">
        <v>161</v>
      </c>
      <c r="Z10" s="97" t="s">
        <v>152</v>
      </c>
      <c r="AA10" s="97"/>
      <c r="AB10" s="157"/>
      <c r="AC10" s="330"/>
      <c r="AD10" s="330"/>
      <c r="AE10" s="330"/>
      <c r="AF10" s="330"/>
    </row>
    <row r="11" spans="1:32" ht="18.75" customHeight="1" x14ac:dyDescent="0.15">
      <c r="A11" s="164"/>
      <c r="B11" s="163"/>
      <c r="C11" s="143"/>
      <c r="D11" s="145"/>
      <c r="E11" s="129"/>
      <c r="F11" s="161"/>
      <c r="G11" s="180"/>
      <c r="H11" s="190" t="s">
        <v>101</v>
      </c>
      <c r="I11" s="170" t="s">
        <v>161</v>
      </c>
      <c r="J11" s="153" t="s">
        <v>153</v>
      </c>
      <c r="K11" s="151"/>
      <c r="L11" s="171" t="s">
        <v>161</v>
      </c>
      <c r="M11" s="153" t="s">
        <v>160</v>
      </c>
      <c r="N11" s="151"/>
      <c r="O11" s="151"/>
      <c r="P11" s="151"/>
      <c r="Q11" s="151"/>
      <c r="R11" s="151"/>
      <c r="S11" s="151"/>
      <c r="T11" s="151"/>
      <c r="U11" s="151"/>
      <c r="V11" s="151"/>
      <c r="W11" s="151"/>
      <c r="X11" s="152"/>
      <c r="Y11" s="176" t="s">
        <v>161</v>
      </c>
      <c r="Z11" s="125" t="s">
        <v>157</v>
      </c>
      <c r="AA11" s="120"/>
      <c r="AB11" s="123"/>
      <c r="AC11" s="331"/>
      <c r="AD11" s="331"/>
      <c r="AE11" s="331"/>
      <c r="AF11" s="331"/>
    </row>
    <row r="12" spans="1:32" s="141" customFormat="1" ht="18.75" customHeight="1" x14ac:dyDescent="0.15">
      <c r="A12" s="164"/>
      <c r="B12" s="163"/>
      <c r="C12" s="143"/>
      <c r="D12" s="145"/>
      <c r="E12" s="129"/>
      <c r="F12" s="161"/>
      <c r="G12" s="180"/>
      <c r="H12" s="328" t="s">
        <v>137</v>
      </c>
      <c r="I12" s="333" t="s">
        <v>161</v>
      </c>
      <c r="J12" s="335" t="s">
        <v>158</v>
      </c>
      <c r="K12" s="335"/>
      <c r="L12" s="335"/>
      <c r="M12" s="333" t="s">
        <v>161</v>
      </c>
      <c r="N12" s="335" t="s">
        <v>159</v>
      </c>
      <c r="O12" s="335"/>
      <c r="P12" s="335"/>
      <c r="Q12" s="149"/>
      <c r="R12" s="149"/>
      <c r="S12" s="149"/>
      <c r="T12" s="149"/>
      <c r="U12" s="149"/>
      <c r="V12" s="149"/>
      <c r="W12" s="149"/>
      <c r="X12" s="150"/>
      <c r="Y12" s="176"/>
      <c r="Z12" s="125"/>
      <c r="AA12" s="120"/>
      <c r="AB12" s="123"/>
      <c r="AC12" s="331"/>
      <c r="AD12" s="331"/>
      <c r="AE12" s="331"/>
      <c r="AF12" s="331"/>
    </row>
    <row r="13" spans="1:32" ht="18.75" customHeight="1" x14ac:dyDescent="0.15">
      <c r="A13" s="164"/>
      <c r="B13" s="163"/>
      <c r="C13" s="143"/>
      <c r="D13" s="145"/>
      <c r="E13" s="129"/>
      <c r="F13" s="161"/>
      <c r="G13" s="180"/>
      <c r="H13" s="329"/>
      <c r="I13" s="334"/>
      <c r="J13" s="336"/>
      <c r="K13" s="336"/>
      <c r="L13" s="336"/>
      <c r="M13" s="334"/>
      <c r="N13" s="336"/>
      <c r="O13" s="336"/>
      <c r="P13" s="336"/>
      <c r="Q13" s="155"/>
      <c r="R13" s="155"/>
      <c r="S13" s="155"/>
      <c r="T13" s="155"/>
      <c r="U13" s="155"/>
      <c r="V13" s="155"/>
      <c r="W13" s="155"/>
      <c r="X13" s="156"/>
      <c r="Y13" s="122"/>
      <c r="Z13" s="120"/>
      <c r="AA13" s="120"/>
      <c r="AB13" s="123"/>
      <c r="AC13" s="331"/>
      <c r="AD13" s="331"/>
      <c r="AE13" s="331"/>
      <c r="AF13" s="331"/>
    </row>
    <row r="14" spans="1:32" s="141" customFormat="1" ht="18.75" customHeight="1" x14ac:dyDescent="0.15">
      <c r="A14" s="176" t="s">
        <v>161</v>
      </c>
      <c r="B14" s="163">
        <v>43</v>
      </c>
      <c r="C14" s="143" t="s">
        <v>162</v>
      </c>
      <c r="D14" s="145"/>
      <c r="E14" s="129"/>
      <c r="F14" s="161"/>
      <c r="G14" s="180"/>
      <c r="H14" s="328" t="s">
        <v>138</v>
      </c>
      <c r="I14" s="337" t="s">
        <v>161</v>
      </c>
      <c r="J14" s="338" t="s">
        <v>158</v>
      </c>
      <c r="K14" s="338"/>
      <c r="L14" s="338"/>
      <c r="M14" s="339" t="s">
        <v>161</v>
      </c>
      <c r="N14" s="338" t="s">
        <v>159</v>
      </c>
      <c r="O14" s="338"/>
      <c r="P14" s="338"/>
      <c r="Q14" s="149"/>
      <c r="R14" s="149"/>
      <c r="S14" s="149"/>
      <c r="T14" s="149"/>
      <c r="U14" s="149"/>
      <c r="V14" s="149"/>
      <c r="W14" s="149"/>
      <c r="X14" s="150"/>
      <c r="Y14" s="122"/>
      <c r="Z14" s="120"/>
      <c r="AA14" s="120"/>
      <c r="AB14" s="123"/>
      <c r="AC14" s="331"/>
      <c r="AD14" s="331"/>
      <c r="AE14" s="331"/>
      <c r="AF14" s="331"/>
    </row>
    <row r="15" spans="1:32" ht="18.75" customHeight="1" x14ac:dyDescent="0.15">
      <c r="A15" s="164"/>
      <c r="B15" s="163"/>
      <c r="C15" s="143"/>
      <c r="D15" s="145"/>
      <c r="E15" s="129"/>
      <c r="F15" s="161"/>
      <c r="G15" s="180"/>
      <c r="H15" s="329"/>
      <c r="I15" s="337"/>
      <c r="J15" s="338"/>
      <c r="K15" s="338"/>
      <c r="L15" s="338"/>
      <c r="M15" s="339"/>
      <c r="N15" s="338"/>
      <c r="O15" s="338"/>
      <c r="P15" s="338"/>
      <c r="Q15" s="155"/>
      <c r="R15" s="155"/>
      <c r="S15" s="155"/>
      <c r="T15" s="155"/>
      <c r="U15" s="155"/>
      <c r="V15" s="155"/>
      <c r="W15" s="155"/>
      <c r="X15" s="156"/>
      <c r="Y15" s="122"/>
      <c r="Z15" s="120"/>
      <c r="AA15" s="120"/>
      <c r="AB15" s="123"/>
      <c r="AC15" s="331"/>
      <c r="AD15" s="331"/>
      <c r="AE15" s="331"/>
      <c r="AF15" s="331"/>
    </row>
    <row r="16" spans="1:32" ht="18.75" customHeight="1" x14ac:dyDescent="0.15">
      <c r="A16" s="164"/>
      <c r="B16" s="163"/>
      <c r="C16" s="143"/>
      <c r="D16" s="145"/>
      <c r="E16" s="129"/>
      <c r="F16" s="161"/>
      <c r="G16" s="180"/>
      <c r="H16" s="190" t="s">
        <v>112</v>
      </c>
      <c r="I16" s="170" t="s">
        <v>161</v>
      </c>
      <c r="J16" s="153" t="s">
        <v>153</v>
      </c>
      <c r="K16" s="151"/>
      <c r="L16" s="171" t="s">
        <v>161</v>
      </c>
      <c r="M16" s="153" t="s">
        <v>160</v>
      </c>
      <c r="N16" s="151"/>
      <c r="O16" s="151"/>
      <c r="P16" s="151"/>
      <c r="Q16" s="151"/>
      <c r="R16" s="151"/>
      <c r="S16" s="151"/>
      <c r="T16" s="151"/>
      <c r="U16" s="151"/>
      <c r="V16" s="151"/>
      <c r="W16" s="151"/>
      <c r="X16" s="152"/>
      <c r="Y16" s="122"/>
      <c r="Z16" s="120"/>
      <c r="AA16" s="120"/>
      <c r="AB16" s="123"/>
      <c r="AC16" s="331"/>
      <c r="AD16" s="331"/>
      <c r="AE16" s="331"/>
      <c r="AF16" s="331"/>
    </row>
    <row r="17" spans="1:32" ht="18.75" customHeight="1" x14ac:dyDescent="0.15">
      <c r="A17" s="164"/>
      <c r="B17" s="163"/>
      <c r="C17" s="143"/>
      <c r="D17" s="145"/>
      <c r="E17" s="129"/>
      <c r="F17" s="161"/>
      <c r="G17" s="180"/>
      <c r="H17" s="190" t="s">
        <v>68</v>
      </c>
      <c r="I17" s="170" t="s">
        <v>161</v>
      </c>
      <c r="J17" s="153" t="s">
        <v>153</v>
      </c>
      <c r="K17" s="153"/>
      <c r="L17" s="171" t="s">
        <v>161</v>
      </c>
      <c r="M17" s="153" t="s">
        <v>154</v>
      </c>
      <c r="N17" s="153"/>
      <c r="O17" s="171" t="s">
        <v>161</v>
      </c>
      <c r="P17" s="153" t="s">
        <v>155</v>
      </c>
      <c r="Q17" s="183"/>
      <c r="R17" s="171" t="s">
        <v>161</v>
      </c>
      <c r="S17" s="153" t="s">
        <v>156</v>
      </c>
      <c r="T17" s="151"/>
      <c r="U17" s="171" t="s">
        <v>161</v>
      </c>
      <c r="V17" s="153" t="s">
        <v>177</v>
      </c>
      <c r="W17" s="151"/>
      <c r="X17" s="152"/>
      <c r="Y17" s="122"/>
      <c r="Z17" s="120"/>
      <c r="AA17" s="120"/>
      <c r="AB17" s="123"/>
      <c r="AC17" s="331"/>
      <c r="AD17" s="331"/>
      <c r="AE17" s="331"/>
      <c r="AF17" s="331"/>
    </row>
    <row r="18" spans="1:32" ht="18.75" customHeight="1" x14ac:dyDescent="0.15">
      <c r="A18" s="164"/>
      <c r="B18" s="163"/>
      <c r="C18" s="143"/>
      <c r="D18" s="145"/>
      <c r="E18" s="129"/>
      <c r="F18" s="161"/>
      <c r="G18" s="180"/>
      <c r="H18" s="191" t="s">
        <v>141</v>
      </c>
      <c r="I18" s="170" t="s">
        <v>161</v>
      </c>
      <c r="J18" s="153" t="s">
        <v>153</v>
      </c>
      <c r="K18" s="151"/>
      <c r="L18" s="171" t="s">
        <v>161</v>
      </c>
      <c r="M18" s="153" t="s">
        <v>160</v>
      </c>
      <c r="N18" s="151"/>
      <c r="O18" s="151"/>
      <c r="P18" s="151"/>
      <c r="Q18" s="151"/>
      <c r="R18" s="151"/>
      <c r="S18" s="151"/>
      <c r="T18" s="151"/>
      <c r="U18" s="151"/>
      <c r="V18" s="151"/>
      <c r="W18" s="151"/>
      <c r="X18" s="152"/>
      <c r="Y18" s="122"/>
      <c r="Z18" s="120"/>
      <c r="AA18" s="120"/>
      <c r="AB18" s="123"/>
      <c r="AC18" s="331"/>
      <c r="AD18" s="331"/>
      <c r="AE18" s="331"/>
      <c r="AF18" s="331"/>
    </row>
    <row r="19" spans="1:32" ht="18.75" customHeight="1" x14ac:dyDescent="0.15">
      <c r="A19" s="166"/>
      <c r="B19" s="188"/>
      <c r="C19" s="144"/>
      <c r="D19" s="135"/>
      <c r="E19" s="131"/>
      <c r="F19" s="184"/>
      <c r="G19" s="179"/>
      <c r="H19" s="139" t="s">
        <v>125</v>
      </c>
      <c r="I19" s="173" t="s">
        <v>161</v>
      </c>
      <c r="J19" s="99" t="s">
        <v>153</v>
      </c>
      <c r="K19" s="169"/>
      <c r="L19" s="174" t="s">
        <v>161</v>
      </c>
      <c r="M19" s="99" t="s">
        <v>160</v>
      </c>
      <c r="N19" s="169"/>
      <c r="O19" s="169"/>
      <c r="P19" s="169"/>
      <c r="Q19" s="169"/>
      <c r="R19" s="169"/>
      <c r="S19" s="169"/>
      <c r="T19" s="169"/>
      <c r="U19" s="169"/>
      <c r="V19" s="169"/>
      <c r="W19" s="169"/>
      <c r="X19" s="178"/>
      <c r="Y19" s="158"/>
      <c r="Z19" s="159"/>
      <c r="AA19" s="159"/>
      <c r="AB19" s="160"/>
      <c r="AC19" s="332"/>
      <c r="AD19" s="332"/>
      <c r="AE19" s="332"/>
      <c r="AF19" s="332"/>
    </row>
    <row r="20" spans="1:32" s="255" customFormat="1" ht="20.25" customHeight="1" x14ac:dyDescent="0.15">
      <c r="A20" s="95"/>
      <c r="B20" s="93" t="s">
        <v>26</v>
      </c>
      <c r="C20" s="95"/>
      <c r="D20" s="95"/>
      <c r="E20" s="95"/>
      <c r="F20" s="95"/>
      <c r="G20" s="95"/>
      <c r="H20" s="95"/>
      <c r="I20" s="95"/>
      <c r="J20" s="95"/>
      <c r="K20" s="95"/>
    </row>
    <row r="21" spans="1:32" s="327" customFormat="1" ht="20.25" customHeight="1" x14ac:dyDescent="0.15">
      <c r="A21" s="326" t="s">
        <v>365</v>
      </c>
    </row>
    <row r="22" spans="1:32" s="327" customFormat="1" ht="20.25" customHeight="1" x14ac:dyDescent="0.15"/>
    <row r="23" spans="1:32" s="327" customFormat="1" ht="39.75" customHeight="1" x14ac:dyDescent="0.15"/>
    <row r="24" spans="1:32" s="327" customFormat="1" ht="20.25" customHeight="1" x14ac:dyDescent="0.15"/>
  </sheetData>
  <mergeCells count="26">
    <mergeCell ref="A21:XFD24"/>
    <mergeCell ref="H12:H13"/>
    <mergeCell ref="H14:H15"/>
    <mergeCell ref="AC10:AF19"/>
    <mergeCell ref="I12:I13"/>
    <mergeCell ref="J12:L13"/>
    <mergeCell ref="M12:M13"/>
    <mergeCell ref="N12:P13"/>
    <mergeCell ref="I14:I15"/>
    <mergeCell ref="J14:L15"/>
    <mergeCell ref="M14:M15"/>
    <mergeCell ref="N14:P15"/>
    <mergeCell ref="A3:AF3"/>
    <mergeCell ref="S5:V5"/>
    <mergeCell ref="A7:C7"/>
    <mergeCell ref="H7:X7"/>
    <mergeCell ref="Y7:AB7"/>
    <mergeCell ref="AC7:AF7"/>
    <mergeCell ref="D7:E7"/>
    <mergeCell ref="F7:G7"/>
    <mergeCell ref="Y8:AB9"/>
    <mergeCell ref="AC8:AF9"/>
    <mergeCell ref="H8:H9"/>
    <mergeCell ref="A8:C9"/>
    <mergeCell ref="D8:E9"/>
    <mergeCell ref="F8:G9"/>
  </mergeCells>
  <phoneticPr fontId="2"/>
  <dataValidations count="1">
    <dataValidation type="list" allowBlank="1" showInputMessage="1" showErrorMessage="1" sqref="M8:M9 Q8:Q9 U8:U9 Y10:Y12 L10:L11 M12:M15 L16:L19 O17 R17 U17 A14 I8:I19">
      <formula1>"□,■"</formula1>
    </dataValidation>
  </dataValidations>
  <printOptions horizontalCentered="1"/>
  <pageMargins left="0.23622047244094491" right="0.23622047244094491" top="0.74803149606299213" bottom="0.74803149606299213" header="0.31496062992125984" footer="0.31496062992125984"/>
  <pageSetup paperSize="9" scale="57" fitToHeight="0"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B1:AQ140"/>
  <sheetViews>
    <sheetView view="pageBreakPreview" zoomScaleNormal="100" zoomScaleSheetLayoutView="100" workbookViewId="0">
      <selection activeCell="AA14" sqref="AA14"/>
    </sheetView>
  </sheetViews>
  <sheetFormatPr defaultRowHeight="13.5" x14ac:dyDescent="0.15"/>
  <cols>
    <col min="1" max="1" width="1.5" style="87" customWidth="1"/>
    <col min="2" max="2" width="4.25" style="87" customWidth="1"/>
    <col min="3" max="3" width="3.375" style="87" customWidth="1"/>
    <col min="4" max="4" width="0.5" style="87" customWidth="1"/>
    <col min="5" max="40" width="3.125" style="87" customWidth="1"/>
    <col min="41" max="41" width="1.5" style="87" customWidth="1"/>
    <col min="42" max="42" width="9" style="91"/>
    <col min="43" max="16384" width="9" style="87"/>
  </cols>
  <sheetData>
    <row r="1" spans="2:42" s="88" customFormat="1" x14ac:dyDescent="0.15">
      <c r="AP1" s="197"/>
    </row>
    <row r="2" spans="2:42" s="88" customFormat="1" x14ac:dyDescent="0.15">
      <c r="B2" s="197" t="s">
        <v>81</v>
      </c>
      <c r="C2" s="197"/>
      <c r="D2" s="197"/>
      <c r="E2" s="197"/>
      <c r="F2" s="197"/>
      <c r="G2" s="197"/>
      <c r="H2" s="197"/>
      <c r="I2" s="197"/>
      <c r="J2" s="197"/>
      <c r="K2" s="197"/>
      <c r="L2" s="197"/>
      <c r="M2" s="197"/>
      <c r="N2" s="197"/>
      <c r="O2" s="197"/>
      <c r="P2" s="197"/>
      <c r="Q2" s="197"/>
      <c r="R2" s="197"/>
      <c r="S2" s="197"/>
      <c r="T2" s="197"/>
      <c r="U2" s="197"/>
      <c r="V2" s="197"/>
      <c r="W2" s="197"/>
      <c r="X2" s="197"/>
      <c r="Y2" s="197"/>
      <c r="Z2" s="197"/>
      <c r="AA2" s="197"/>
      <c r="AB2" s="197"/>
      <c r="AC2" s="197"/>
      <c r="AD2" s="197"/>
      <c r="AE2" s="197"/>
      <c r="AF2" s="197"/>
      <c r="AG2" s="197"/>
      <c r="AH2" s="197"/>
    </row>
    <row r="3" spans="2:42" s="88" customFormat="1" ht="14.25" customHeight="1" x14ac:dyDescent="0.15">
      <c r="AB3" s="401" t="s">
        <v>116</v>
      </c>
      <c r="AC3" s="402"/>
      <c r="AD3" s="402"/>
      <c r="AE3" s="402"/>
      <c r="AF3" s="403"/>
      <c r="AG3" s="323"/>
      <c r="AH3" s="324"/>
      <c r="AI3" s="324"/>
      <c r="AJ3" s="324"/>
      <c r="AK3" s="324"/>
      <c r="AL3" s="324"/>
      <c r="AM3" s="324"/>
      <c r="AN3" s="325"/>
      <c r="AO3" s="199"/>
      <c r="AP3" s="197"/>
    </row>
    <row r="4" spans="2:42" s="88" customFormat="1" x14ac:dyDescent="0.15">
      <c r="AP4" s="196"/>
    </row>
    <row r="5" spans="2:42" s="88" customFormat="1" x14ac:dyDescent="0.15">
      <c r="B5" s="340" t="s">
        <v>366</v>
      </c>
      <c r="C5" s="340"/>
      <c r="D5" s="340"/>
      <c r="E5" s="340"/>
      <c r="F5" s="340"/>
      <c r="G5" s="340"/>
      <c r="H5" s="340"/>
      <c r="I5" s="340"/>
      <c r="J5" s="340"/>
      <c r="K5" s="340"/>
      <c r="L5" s="340"/>
      <c r="M5" s="340"/>
      <c r="N5" s="340"/>
      <c r="O5" s="340"/>
      <c r="P5" s="340"/>
      <c r="Q5" s="340"/>
      <c r="R5" s="340"/>
      <c r="S5" s="340"/>
      <c r="T5" s="340"/>
      <c r="U5" s="340"/>
      <c r="V5" s="340"/>
      <c r="W5" s="340"/>
      <c r="X5" s="340"/>
      <c r="Y5" s="340"/>
      <c r="Z5" s="340"/>
      <c r="AA5" s="340"/>
      <c r="AB5" s="340"/>
      <c r="AC5" s="340"/>
      <c r="AD5" s="340"/>
      <c r="AE5" s="340"/>
      <c r="AF5" s="340"/>
      <c r="AG5" s="340"/>
      <c r="AH5" s="340"/>
      <c r="AI5" s="340"/>
      <c r="AJ5" s="340"/>
      <c r="AK5" s="340"/>
      <c r="AL5" s="340"/>
      <c r="AM5" s="340"/>
      <c r="AN5" s="340"/>
    </row>
    <row r="6" spans="2:42" s="88" customFormat="1" x14ac:dyDescent="0.15">
      <c r="B6" s="340" t="s">
        <v>135</v>
      </c>
      <c r="C6" s="340"/>
      <c r="D6" s="340"/>
      <c r="E6" s="340"/>
      <c r="F6" s="340"/>
      <c r="G6" s="340"/>
      <c r="H6" s="340"/>
      <c r="I6" s="340"/>
      <c r="J6" s="340"/>
      <c r="K6" s="340"/>
      <c r="L6" s="340"/>
      <c r="M6" s="340"/>
      <c r="N6" s="340"/>
      <c r="O6" s="340"/>
      <c r="P6" s="340"/>
      <c r="Q6" s="340"/>
      <c r="R6" s="340"/>
      <c r="S6" s="340"/>
      <c r="T6" s="340"/>
      <c r="U6" s="340"/>
      <c r="V6" s="340"/>
      <c r="W6" s="340"/>
      <c r="X6" s="340"/>
      <c r="Y6" s="340"/>
      <c r="Z6" s="340"/>
      <c r="AA6" s="340"/>
      <c r="AB6" s="340"/>
      <c r="AC6" s="340"/>
      <c r="AD6" s="340"/>
      <c r="AE6" s="340"/>
      <c r="AF6" s="340"/>
      <c r="AG6" s="340"/>
      <c r="AH6" s="340"/>
      <c r="AI6" s="340"/>
      <c r="AJ6" s="340"/>
      <c r="AK6" s="340"/>
      <c r="AL6" s="340"/>
      <c r="AM6" s="340"/>
      <c r="AN6" s="340"/>
    </row>
    <row r="7" spans="2:42" s="88" customFormat="1" ht="13.5" customHeight="1" x14ac:dyDescent="0.15">
      <c r="AE7" s="204" t="s">
        <v>169</v>
      </c>
      <c r="AF7" s="340"/>
      <c r="AG7" s="340"/>
      <c r="AH7" s="88" t="s">
        <v>37</v>
      </c>
      <c r="AI7" s="340"/>
      <c r="AJ7" s="340"/>
      <c r="AK7" s="88" t="s">
        <v>170</v>
      </c>
      <c r="AL7" s="340"/>
      <c r="AM7" s="340"/>
      <c r="AN7" s="88" t="s">
        <v>32</v>
      </c>
    </row>
    <row r="8" spans="2:42" s="88" customFormat="1" x14ac:dyDescent="0.15">
      <c r="B8" s="340" t="s">
        <v>367</v>
      </c>
      <c r="C8" s="340"/>
      <c r="D8" s="340"/>
      <c r="E8" s="340"/>
      <c r="F8" s="340"/>
      <c r="G8" s="340"/>
      <c r="H8" s="340"/>
      <c r="I8" s="340"/>
      <c r="J8" s="340"/>
      <c r="K8" s="340"/>
      <c r="L8" s="198"/>
      <c r="M8" s="198"/>
      <c r="N8" s="198"/>
      <c r="O8" s="198"/>
      <c r="P8" s="198"/>
      <c r="Q8" s="198"/>
      <c r="R8" s="198"/>
      <c r="S8" s="198"/>
      <c r="T8" s="198"/>
    </row>
    <row r="9" spans="2:42" s="88" customFormat="1" x14ac:dyDescent="0.15">
      <c r="B9" s="256"/>
      <c r="C9" s="256"/>
      <c r="D9" s="256"/>
      <c r="E9" s="256"/>
      <c r="F9" s="256"/>
      <c r="G9" s="256"/>
      <c r="H9" s="256"/>
      <c r="I9" s="256"/>
      <c r="J9" s="256"/>
      <c r="K9" s="256"/>
      <c r="L9" s="256"/>
      <c r="M9" s="256"/>
      <c r="N9" s="256"/>
      <c r="O9" s="256"/>
      <c r="P9" s="256"/>
      <c r="Q9" s="256"/>
      <c r="R9" s="256"/>
      <c r="S9" s="256"/>
      <c r="T9" s="256"/>
      <c r="Y9" s="88" t="s">
        <v>368</v>
      </c>
    </row>
    <row r="10" spans="2:42" s="88" customFormat="1" x14ac:dyDescent="0.15">
      <c r="B10" s="256"/>
      <c r="C10" s="256"/>
      <c r="D10" s="256"/>
      <c r="E10" s="256"/>
      <c r="F10" s="256"/>
      <c r="G10" s="256"/>
      <c r="H10" s="256"/>
      <c r="I10" s="256"/>
      <c r="J10" s="256"/>
      <c r="K10" s="256"/>
      <c r="L10" s="256"/>
      <c r="M10" s="256"/>
      <c r="N10" s="256"/>
      <c r="O10" s="256"/>
      <c r="P10" s="256"/>
      <c r="Q10" s="256"/>
      <c r="R10" s="256"/>
      <c r="S10" s="256"/>
      <c r="T10" s="256"/>
    </row>
    <row r="11" spans="2:42" s="88" customFormat="1" x14ac:dyDescent="0.15">
      <c r="B11" s="256"/>
      <c r="C11" s="256"/>
      <c r="D11" s="256"/>
      <c r="E11" s="256"/>
      <c r="F11" s="256"/>
      <c r="G11" s="256"/>
      <c r="H11" s="256"/>
      <c r="I11" s="256"/>
      <c r="J11" s="256"/>
      <c r="K11" s="256"/>
      <c r="L11" s="256"/>
      <c r="M11" s="256"/>
      <c r="N11" s="256"/>
      <c r="O11" s="256"/>
      <c r="P11" s="256"/>
      <c r="Q11" s="256"/>
      <c r="R11" s="256"/>
      <c r="S11" s="256"/>
      <c r="T11" s="256"/>
      <c r="Y11" s="88" t="s">
        <v>369</v>
      </c>
    </row>
    <row r="12" spans="2:42" s="88" customFormat="1" x14ac:dyDescent="0.15">
      <c r="B12" s="256"/>
      <c r="C12" s="256"/>
      <c r="D12" s="256"/>
      <c r="E12" s="256"/>
      <c r="F12" s="256"/>
      <c r="G12" s="256"/>
      <c r="H12" s="256"/>
      <c r="I12" s="256"/>
      <c r="J12" s="256"/>
      <c r="K12" s="256"/>
      <c r="L12" s="256"/>
      <c r="M12" s="256"/>
      <c r="N12" s="256"/>
      <c r="O12" s="256"/>
      <c r="P12" s="256"/>
      <c r="Q12" s="256"/>
      <c r="R12" s="256"/>
      <c r="S12" s="256"/>
      <c r="T12" s="256"/>
      <c r="Y12" s="88" t="s">
        <v>370</v>
      </c>
    </row>
    <row r="13" spans="2:42" s="88" customFormat="1" x14ac:dyDescent="0.15">
      <c r="AA13" s="204"/>
      <c r="AB13" s="445"/>
      <c r="AC13" s="445"/>
      <c r="AD13" s="445"/>
      <c r="AE13" s="445"/>
      <c r="AF13" s="445"/>
      <c r="AG13" s="445"/>
      <c r="AH13" s="445"/>
      <c r="AI13" s="445"/>
      <c r="AJ13" s="445"/>
      <c r="AK13" s="445"/>
      <c r="AL13" s="445"/>
      <c r="AM13" s="445"/>
      <c r="AN13" s="445"/>
    </row>
    <row r="14" spans="2:42" s="88" customFormat="1" x14ac:dyDescent="0.15">
      <c r="C14" s="197" t="s">
        <v>371</v>
      </c>
      <c r="D14" s="197"/>
    </row>
    <row r="15" spans="2:42" s="88" customFormat="1" ht="6.75" customHeight="1" x14ac:dyDescent="0.15">
      <c r="C15" s="197"/>
      <c r="D15" s="197"/>
    </row>
    <row r="16" spans="2:42" s="88" customFormat="1" ht="14.25" customHeight="1" x14ac:dyDescent="0.15">
      <c r="B16" s="425" t="s">
        <v>86</v>
      </c>
      <c r="C16" s="354" t="s">
        <v>7</v>
      </c>
      <c r="D16" s="355"/>
      <c r="E16" s="355"/>
      <c r="F16" s="355"/>
      <c r="G16" s="355"/>
      <c r="H16" s="355"/>
      <c r="I16" s="355"/>
      <c r="J16" s="355"/>
      <c r="K16" s="355"/>
      <c r="L16" s="446"/>
      <c r="M16" s="447"/>
      <c r="N16" s="448"/>
      <c r="O16" s="448"/>
      <c r="P16" s="448"/>
      <c r="Q16" s="448"/>
      <c r="R16" s="448"/>
      <c r="S16" s="448"/>
      <c r="T16" s="448"/>
      <c r="U16" s="448"/>
      <c r="V16" s="448"/>
      <c r="W16" s="448"/>
      <c r="X16" s="448"/>
      <c r="Y16" s="448"/>
      <c r="Z16" s="448"/>
      <c r="AA16" s="448"/>
      <c r="AB16" s="448"/>
      <c r="AC16" s="448"/>
      <c r="AD16" s="448"/>
      <c r="AE16" s="448"/>
      <c r="AF16" s="448"/>
      <c r="AG16" s="448"/>
      <c r="AH16" s="448"/>
      <c r="AI16" s="448"/>
      <c r="AJ16" s="448"/>
      <c r="AK16" s="448"/>
      <c r="AL16" s="448"/>
      <c r="AM16" s="448"/>
      <c r="AN16" s="449"/>
    </row>
    <row r="17" spans="2:42" s="88" customFormat="1" ht="14.25" customHeight="1" x14ac:dyDescent="0.15">
      <c r="B17" s="398"/>
      <c r="C17" s="360" t="s">
        <v>87</v>
      </c>
      <c r="D17" s="361"/>
      <c r="E17" s="361"/>
      <c r="F17" s="361"/>
      <c r="G17" s="361"/>
      <c r="H17" s="361"/>
      <c r="I17" s="361"/>
      <c r="J17" s="361"/>
      <c r="K17" s="361"/>
      <c r="L17" s="362"/>
      <c r="M17" s="364"/>
      <c r="N17" s="365"/>
      <c r="O17" s="365"/>
      <c r="P17" s="365"/>
      <c r="Q17" s="365"/>
      <c r="R17" s="365"/>
      <c r="S17" s="365"/>
      <c r="T17" s="365"/>
      <c r="U17" s="365"/>
      <c r="V17" s="365"/>
      <c r="W17" s="365"/>
      <c r="X17" s="365"/>
      <c r="Y17" s="365"/>
      <c r="Z17" s="365"/>
      <c r="AA17" s="365"/>
      <c r="AB17" s="365"/>
      <c r="AC17" s="365"/>
      <c r="AD17" s="365"/>
      <c r="AE17" s="365"/>
      <c r="AF17" s="365"/>
      <c r="AG17" s="365"/>
      <c r="AH17" s="365"/>
      <c r="AI17" s="365"/>
      <c r="AJ17" s="365"/>
      <c r="AK17" s="365"/>
      <c r="AL17" s="365"/>
      <c r="AM17" s="365"/>
      <c r="AN17" s="366"/>
    </row>
    <row r="18" spans="2:42" s="88" customFormat="1" ht="13.5" customHeight="1" x14ac:dyDescent="0.15">
      <c r="B18" s="398"/>
      <c r="C18" s="354" t="s">
        <v>128</v>
      </c>
      <c r="D18" s="355"/>
      <c r="E18" s="355"/>
      <c r="F18" s="355"/>
      <c r="G18" s="355"/>
      <c r="H18" s="355"/>
      <c r="I18" s="355"/>
      <c r="J18" s="355"/>
      <c r="K18" s="355"/>
      <c r="L18" s="356"/>
      <c r="M18" s="363" t="s">
        <v>163</v>
      </c>
      <c r="N18" s="363"/>
      <c r="O18" s="363"/>
      <c r="P18" s="363"/>
      <c r="Q18" s="363"/>
      <c r="R18" s="363"/>
      <c r="S18" s="363"/>
      <c r="T18" s="138" t="s">
        <v>164</v>
      </c>
      <c r="U18" s="363"/>
      <c r="V18" s="363"/>
      <c r="W18" s="363"/>
      <c r="X18" s="138" t="s">
        <v>165</v>
      </c>
      <c r="Y18" s="363"/>
      <c r="Z18" s="363"/>
      <c r="AA18" s="363"/>
      <c r="AB18" s="363"/>
      <c r="AC18" s="363"/>
      <c r="AD18" s="363"/>
      <c r="AE18" s="363"/>
      <c r="AF18" s="363"/>
      <c r="AG18" s="363"/>
      <c r="AH18" s="363"/>
      <c r="AI18" s="363"/>
      <c r="AJ18" s="363"/>
      <c r="AK18" s="363"/>
      <c r="AL18" s="363"/>
      <c r="AM18" s="363"/>
      <c r="AN18" s="367"/>
    </row>
    <row r="19" spans="2:42" s="88" customFormat="1" ht="13.5" customHeight="1" x14ac:dyDescent="0.15">
      <c r="B19" s="398"/>
      <c r="C19" s="357"/>
      <c r="D19" s="358"/>
      <c r="E19" s="358"/>
      <c r="F19" s="358"/>
      <c r="G19" s="358"/>
      <c r="H19" s="358"/>
      <c r="I19" s="358"/>
      <c r="J19" s="358"/>
      <c r="K19" s="358"/>
      <c r="L19" s="359"/>
      <c r="M19" s="334" t="s">
        <v>166</v>
      </c>
      <c r="N19" s="334"/>
      <c r="O19" s="334"/>
      <c r="P19" s="334"/>
      <c r="Q19" s="193" t="s">
        <v>167</v>
      </c>
      <c r="R19" s="334"/>
      <c r="S19" s="334"/>
      <c r="T19" s="334"/>
      <c r="U19" s="334"/>
      <c r="V19" s="334" t="s">
        <v>168</v>
      </c>
      <c r="W19" s="334"/>
      <c r="X19" s="334"/>
      <c r="Y19" s="334"/>
      <c r="Z19" s="334"/>
      <c r="AA19" s="334"/>
      <c r="AB19" s="334"/>
      <c r="AC19" s="334"/>
      <c r="AD19" s="334"/>
      <c r="AE19" s="334"/>
      <c r="AF19" s="334"/>
      <c r="AG19" s="334"/>
      <c r="AH19" s="334"/>
      <c r="AI19" s="334"/>
      <c r="AJ19" s="334"/>
      <c r="AK19" s="334"/>
      <c r="AL19" s="334"/>
      <c r="AM19" s="334"/>
      <c r="AN19" s="368"/>
    </row>
    <row r="20" spans="2:42" s="88" customFormat="1" ht="13.5" customHeight="1" x14ac:dyDescent="0.15">
      <c r="B20" s="398"/>
      <c r="C20" s="360"/>
      <c r="D20" s="361"/>
      <c r="E20" s="361"/>
      <c r="F20" s="361"/>
      <c r="G20" s="361"/>
      <c r="H20" s="361"/>
      <c r="I20" s="361"/>
      <c r="J20" s="361"/>
      <c r="K20" s="361"/>
      <c r="L20" s="362"/>
      <c r="M20" s="450" t="s">
        <v>174</v>
      </c>
      <c r="N20" s="450"/>
      <c r="O20" s="450"/>
      <c r="P20" s="450"/>
      <c r="Q20" s="450"/>
      <c r="R20" s="450"/>
      <c r="S20" s="450"/>
      <c r="T20" s="450"/>
      <c r="U20" s="450"/>
      <c r="V20" s="450"/>
      <c r="W20" s="450"/>
      <c r="X20" s="450"/>
      <c r="Y20" s="450"/>
      <c r="Z20" s="450"/>
      <c r="AA20" s="450"/>
      <c r="AB20" s="450"/>
      <c r="AC20" s="450"/>
      <c r="AD20" s="450"/>
      <c r="AE20" s="450"/>
      <c r="AF20" s="450"/>
      <c r="AG20" s="450"/>
      <c r="AH20" s="450"/>
      <c r="AI20" s="450"/>
      <c r="AJ20" s="450"/>
      <c r="AK20" s="450"/>
      <c r="AL20" s="450"/>
      <c r="AM20" s="450"/>
      <c r="AN20" s="451"/>
    </row>
    <row r="21" spans="2:42" s="88" customFormat="1" ht="14.25" customHeight="1" x14ac:dyDescent="0.15">
      <c r="B21" s="398"/>
      <c r="C21" s="439" t="s">
        <v>91</v>
      </c>
      <c r="D21" s="440"/>
      <c r="E21" s="440"/>
      <c r="F21" s="440"/>
      <c r="G21" s="440"/>
      <c r="H21" s="440"/>
      <c r="I21" s="440"/>
      <c r="J21" s="440"/>
      <c r="K21" s="440"/>
      <c r="L21" s="441"/>
      <c r="M21" s="401" t="s">
        <v>9</v>
      </c>
      <c r="N21" s="402"/>
      <c r="O21" s="402"/>
      <c r="P21" s="402"/>
      <c r="Q21" s="403"/>
      <c r="R21" s="323"/>
      <c r="S21" s="324"/>
      <c r="T21" s="324"/>
      <c r="U21" s="324"/>
      <c r="V21" s="324"/>
      <c r="W21" s="324"/>
      <c r="X21" s="324"/>
      <c r="Y21" s="324"/>
      <c r="Z21" s="324"/>
      <c r="AA21" s="325"/>
      <c r="AB21" s="421" t="s">
        <v>10</v>
      </c>
      <c r="AC21" s="363"/>
      <c r="AD21" s="363"/>
      <c r="AE21" s="363"/>
      <c r="AF21" s="367"/>
      <c r="AG21" s="323"/>
      <c r="AH21" s="324"/>
      <c r="AI21" s="324"/>
      <c r="AJ21" s="324"/>
      <c r="AK21" s="324"/>
      <c r="AL21" s="324"/>
      <c r="AM21" s="324"/>
      <c r="AN21" s="325"/>
    </row>
    <row r="22" spans="2:42" ht="14.25" customHeight="1" x14ac:dyDescent="0.15">
      <c r="B22" s="398"/>
      <c r="C22" s="452" t="s">
        <v>56</v>
      </c>
      <c r="D22" s="453"/>
      <c r="E22" s="453"/>
      <c r="F22" s="453"/>
      <c r="G22" s="453"/>
      <c r="H22" s="453"/>
      <c r="I22" s="453"/>
      <c r="J22" s="453"/>
      <c r="K22" s="453"/>
      <c r="L22" s="454"/>
      <c r="M22" s="426"/>
      <c r="N22" s="427"/>
      <c r="O22" s="427"/>
      <c r="P22" s="427"/>
      <c r="Q22" s="427"/>
      <c r="R22" s="427"/>
      <c r="S22" s="427"/>
      <c r="T22" s="427"/>
      <c r="U22" s="428"/>
      <c r="V22" s="401" t="s">
        <v>11</v>
      </c>
      <c r="W22" s="402"/>
      <c r="X22" s="402"/>
      <c r="Y22" s="402"/>
      <c r="Z22" s="402"/>
      <c r="AA22" s="403"/>
      <c r="AB22" s="426"/>
      <c r="AC22" s="427"/>
      <c r="AD22" s="427"/>
      <c r="AE22" s="427"/>
      <c r="AF22" s="427"/>
      <c r="AG22" s="427"/>
      <c r="AH22" s="427"/>
      <c r="AI22" s="427"/>
      <c r="AJ22" s="427"/>
      <c r="AK22" s="427"/>
      <c r="AL22" s="427"/>
      <c r="AM22" s="427"/>
      <c r="AN22" s="428"/>
      <c r="AP22" s="87"/>
    </row>
    <row r="23" spans="2:42" ht="14.25" customHeight="1" x14ac:dyDescent="0.15">
      <c r="B23" s="398"/>
      <c r="C23" s="393" t="s">
        <v>12</v>
      </c>
      <c r="D23" s="394"/>
      <c r="E23" s="394"/>
      <c r="F23" s="394"/>
      <c r="G23" s="394"/>
      <c r="H23" s="394"/>
      <c r="I23" s="394"/>
      <c r="J23" s="394"/>
      <c r="K23" s="394"/>
      <c r="L23" s="400"/>
      <c r="M23" s="401" t="s">
        <v>13</v>
      </c>
      <c r="N23" s="402"/>
      <c r="O23" s="402"/>
      <c r="P23" s="402"/>
      <c r="Q23" s="403"/>
      <c r="R23" s="404"/>
      <c r="S23" s="405"/>
      <c r="T23" s="405"/>
      <c r="U23" s="405"/>
      <c r="V23" s="405"/>
      <c r="W23" s="405"/>
      <c r="X23" s="405"/>
      <c r="Y23" s="405"/>
      <c r="Z23" s="405"/>
      <c r="AA23" s="406"/>
      <c r="AB23" s="427" t="s">
        <v>14</v>
      </c>
      <c r="AC23" s="427"/>
      <c r="AD23" s="427"/>
      <c r="AE23" s="427"/>
      <c r="AF23" s="428"/>
      <c r="AG23" s="404"/>
      <c r="AH23" s="405"/>
      <c r="AI23" s="405"/>
      <c r="AJ23" s="405"/>
      <c r="AK23" s="405"/>
      <c r="AL23" s="405"/>
      <c r="AM23" s="405"/>
      <c r="AN23" s="406"/>
      <c r="AP23" s="87"/>
    </row>
    <row r="24" spans="2:42" ht="13.5" customHeight="1" x14ac:dyDescent="0.15">
      <c r="B24" s="398"/>
      <c r="C24" s="354" t="s">
        <v>15</v>
      </c>
      <c r="D24" s="355"/>
      <c r="E24" s="355"/>
      <c r="F24" s="355"/>
      <c r="G24" s="355"/>
      <c r="H24" s="355"/>
      <c r="I24" s="355"/>
      <c r="J24" s="355"/>
      <c r="K24" s="355"/>
      <c r="L24" s="356"/>
      <c r="M24" s="363" t="s">
        <v>163</v>
      </c>
      <c r="N24" s="363"/>
      <c r="O24" s="363"/>
      <c r="P24" s="363"/>
      <c r="Q24" s="363"/>
      <c r="R24" s="363"/>
      <c r="S24" s="363"/>
      <c r="T24" s="138" t="s">
        <v>164</v>
      </c>
      <c r="U24" s="363"/>
      <c r="V24" s="363"/>
      <c r="W24" s="363"/>
      <c r="X24" s="138" t="s">
        <v>165</v>
      </c>
      <c r="Y24" s="363"/>
      <c r="Z24" s="363"/>
      <c r="AA24" s="363"/>
      <c r="AB24" s="363"/>
      <c r="AC24" s="363"/>
      <c r="AD24" s="363"/>
      <c r="AE24" s="363"/>
      <c r="AF24" s="363"/>
      <c r="AG24" s="363"/>
      <c r="AH24" s="363"/>
      <c r="AI24" s="363"/>
      <c r="AJ24" s="363"/>
      <c r="AK24" s="363"/>
      <c r="AL24" s="363"/>
      <c r="AM24" s="363"/>
      <c r="AN24" s="367"/>
      <c r="AP24" s="87"/>
    </row>
    <row r="25" spans="2:42" ht="14.25" customHeight="1" x14ac:dyDescent="0.15">
      <c r="B25" s="398"/>
      <c r="C25" s="357"/>
      <c r="D25" s="358"/>
      <c r="E25" s="358"/>
      <c r="F25" s="358"/>
      <c r="G25" s="358"/>
      <c r="H25" s="358"/>
      <c r="I25" s="358"/>
      <c r="J25" s="358"/>
      <c r="K25" s="358"/>
      <c r="L25" s="359"/>
      <c r="M25" s="334" t="s">
        <v>166</v>
      </c>
      <c r="N25" s="334"/>
      <c r="O25" s="334"/>
      <c r="P25" s="334"/>
      <c r="Q25" s="193" t="s">
        <v>167</v>
      </c>
      <c r="R25" s="334"/>
      <c r="S25" s="334"/>
      <c r="T25" s="334"/>
      <c r="U25" s="334"/>
      <c r="V25" s="334" t="s">
        <v>168</v>
      </c>
      <c r="W25" s="334"/>
      <c r="X25" s="334"/>
      <c r="Y25" s="334"/>
      <c r="Z25" s="334"/>
      <c r="AA25" s="334"/>
      <c r="AB25" s="334"/>
      <c r="AC25" s="334"/>
      <c r="AD25" s="334"/>
      <c r="AE25" s="334"/>
      <c r="AF25" s="334"/>
      <c r="AG25" s="334"/>
      <c r="AH25" s="334"/>
      <c r="AI25" s="334"/>
      <c r="AJ25" s="334"/>
      <c r="AK25" s="334"/>
      <c r="AL25" s="334"/>
      <c r="AM25" s="334"/>
      <c r="AN25" s="368"/>
      <c r="AP25" s="87"/>
    </row>
    <row r="26" spans="2:42" x14ac:dyDescent="0.15">
      <c r="B26" s="399"/>
      <c r="C26" s="360"/>
      <c r="D26" s="361"/>
      <c r="E26" s="361"/>
      <c r="F26" s="361"/>
      <c r="G26" s="361"/>
      <c r="H26" s="361"/>
      <c r="I26" s="361"/>
      <c r="J26" s="361"/>
      <c r="K26" s="361"/>
      <c r="L26" s="362"/>
      <c r="M26" s="450"/>
      <c r="N26" s="450"/>
      <c r="O26" s="450"/>
      <c r="P26" s="450"/>
      <c r="Q26" s="450"/>
      <c r="R26" s="450"/>
      <c r="S26" s="450"/>
      <c r="T26" s="450"/>
      <c r="U26" s="450"/>
      <c r="V26" s="450"/>
      <c r="W26" s="450"/>
      <c r="X26" s="450"/>
      <c r="Y26" s="450"/>
      <c r="Z26" s="450"/>
      <c r="AA26" s="450"/>
      <c r="AB26" s="450"/>
      <c r="AC26" s="450"/>
      <c r="AD26" s="450"/>
      <c r="AE26" s="450"/>
      <c r="AF26" s="450"/>
      <c r="AG26" s="450"/>
      <c r="AH26" s="450"/>
      <c r="AI26" s="450"/>
      <c r="AJ26" s="450"/>
      <c r="AK26" s="450"/>
      <c r="AL26" s="450"/>
      <c r="AM26" s="450"/>
      <c r="AN26" s="451"/>
      <c r="AP26" s="87"/>
    </row>
    <row r="27" spans="2:42" ht="13.5" customHeight="1" x14ac:dyDescent="0.15">
      <c r="B27" s="386" t="s">
        <v>119</v>
      </c>
      <c r="C27" s="354" t="s">
        <v>127</v>
      </c>
      <c r="D27" s="355"/>
      <c r="E27" s="355"/>
      <c r="F27" s="355"/>
      <c r="G27" s="355"/>
      <c r="H27" s="355"/>
      <c r="I27" s="355"/>
      <c r="J27" s="355"/>
      <c r="K27" s="355"/>
      <c r="L27" s="356"/>
      <c r="M27" s="447"/>
      <c r="N27" s="448"/>
      <c r="O27" s="448"/>
      <c r="P27" s="448"/>
      <c r="Q27" s="448"/>
      <c r="R27" s="448"/>
      <c r="S27" s="448"/>
      <c r="T27" s="448"/>
      <c r="U27" s="448"/>
      <c r="V27" s="448"/>
      <c r="W27" s="448"/>
      <c r="X27" s="448"/>
      <c r="Y27" s="448"/>
      <c r="Z27" s="448"/>
      <c r="AA27" s="448"/>
      <c r="AB27" s="448"/>
      <c r="AC27" s="448"/>
      <c r="AD27" s="448"/>
      <c r="AE27" s="448"/>
      <c r="AF27" s="448"/>
      <c r="AG27" s="448"/>
      <c r="AH27" s="448"/>
      <c r="AI27" s="448"/>
      <c r="AJ27" s="448"/>
      <c r="AK27" s="448"/>
      <c r="AL27" s="448"/>
      <c r="AM27" s="448"/>
      <c r="AN27" s="449"/>
      <c r="AP27" s="87"/>
    </row>
    <row r="28" spans="2:42" ht="13.5" customHeight="1" x14ac:dyDescent="0.15">
      <c r="B28" s="387"/>
      <c r="C28" s="360" t="s">
        <v>126</v>
      </c>
      <c r="D28" s="361"/>
      <c r="E28" s="361"/>
      <c r="F28" s="361"/>
      <c r="G28" s="361"/>
      <c r="H28" s="361"/>
      <c r="I28" s="361"/>
      <c r="J28" s="361"/>
      <c r="K28" s="361"/>
      <c r="L28" s="362"/>
      <c r="M28" s="364"/>
      <c r="N28" s="365"/>
      <c r="O28" s="365"/>
      <c r="P28" s="365"/>
      <c r="Q28" s="365"/>
      <c r="R28" s="365"/>
      <c r="S28" s="365"/>
      <c r="T28" s="365"/>
      <c r="U28" s="365"/>
      <c r="V28" s="365"/>
      <c r="W28" s="365"/>
      <c r="X28" s="365"/>
      <c r="Y28" s="365"/>
      <c r="Z28" s="365"/>
      <c r="AA28" s="365"/>
      <c r="AB28" s="365"/>
      <c r="AC28" s="365"/>
      <c r="AD28" s="365"/>
      <c r="AE28" s="365"/>
      <c r="AF28" s="365"/>
      <c r="AG28" s="365"/>
      <c r="AH28" s="365"/>
      <c r="AI28" s="365"/>
      <c r="AJ28" s="365"/>
      <c r="AK28" s="365"/>
      <c r="AL28" s="365"/>
      <c r="AM28" s="365"/>
      <c r="AN28" s="366"/>
      <c r="AP28" s="87"/>
    </row>
    <row r="29" spans="2:42" ht="13.5" customHeight="1" x14ac:dyDescent="0.15">
      <c r="B29" s="387"/>
      <c r="C29" s="354" t="s">
        <v>110</v>
      </c>
      <c r="D29" s="355"/>
      <c r="E29" s="355"/>
      <c r="F29" s="355"/>
      <c r="G29" s="355"/>
      <c r="H29" s="355"/>
      <c r="I29" s="355"/>
      <c r="J29" s="355"/>
      <c r="K29" s="355"/>
      <c r="L29" s="356"/>
      <c r="M29" s="363" t="s">
        <v>163</v>
      </c>
      <c r="N29" s="363"/>
      <c r="O29" s="363"/>
      <c r="P29" s="363"/>
      <c r="Q29" s="363"/>
      <c r="R29" s="363"/>
      <c r="S29" s="363"/>
      <c r="T29" s="138" t="s">
        <v>164</v>
      </c>
      <c r="U29" s="363"/>
      <c r="V29" s="363"/>
      <c r="W29" s="363"/>
      <c r="X29" s="138" t="s">
        <v>165</v>
      </c>
      <c r="Y29" s="363"/>
      <c r="Z29" s="363"/>
      <c r="AA29" s="363"/>
      <c r="AB29" s="363"/>
      <c r="AC29" s="363"/>
      <c r="AD29" s="363"/>
      <c r="AE29" s="363"/>
      <c r="AF29" s="363"/>
      <c r="AG29" s="363"/>
      <c r="AH29" s="363"/>
      <c r="AI29" s="363"/>
      <c r="AJ29" s="363"/>
      <c r="AK29" s="363"/>
      <c r="AL29" s="363"/>
      <c r="AM29" s="363"/>
      <c r="AN29" s="367"/>
      <c r="AP29" s="87"/>
    </row>
    <row r="30" spans="2:42" ht="14.25" customHeight="1" x14ac:dyDescent="0.15">
      <c r="B30" s="387"/>
      <c r="C30" s="357"/>
      <c r="D30" s="358"/>
      <c r="E30" s="358"/>
      <c r="F30" s="358"/>
      <c r="G30" s="358"/>
      <c r="H30" s="358"/>
      <c r="I30" s="358"/>
      <c r="J30" s="358"/>
      <c r="K30" s="358"/>
      <c r="L30" s="359"/>
      <c r="M30" s="334" t="s">
        <v>166</v>
      </c>
      <c r="N30" s="334"/>
      <c r="O30" s="334"/>
      <c r="P30" s="334"/>
      <c r="Q30" s="193" t="s">
        <v>167</v>
      </c>
      <c r="R30" s="334"/>
      <c r="S30" s="334"/>
      <c r="T30" s="334"/>
      <c r="U30" s="334"/>
      <c r="V30" s="334" t="s">
        <v>168</v>
      </c>
      <c r="W30" s="334"/>
      <c r="X30" s="334"/>
      <c r="Y30" s="334"/>
      <c r="Z30" s="334"/>
      <c r="AA30" s="334"/>
      <c r="AB30" s="334"/>
      <c r="AC30" s="334"/>
      <c r="AD30" s="334"/>
      <c r="AE30" s="334"/>
      <c r="AF30" s="334"/>
      <c r="AG30" s="334"/>
      <c r="AH30" s="334"/>
      <c r="AI30" s="334"/>
      <c r="AJ30" s="334"/>
      <c r="AK30" s="334"/>
      <c r="AL30" s="334"/>
      <c r="AM30" s="334"/>
      <c r="AN30" s="368"/>
      <c r="AP30" s="87"/>
    </row>
    <row r="31" spans="2:42" x14ac:dyDescent="0.15">
      <c r="B31" s="387"/>
      <c r="C31" s="360"/>
      <c r="D31" s="361"/>
      <c r="E31" s="361"/>
      <c r="F31" s="361"/>
      <c r="G31" s="361"/>
      <c r="H31" s="361"/>
      <c r="I31" s="361"/>
      <c r="J31" s="361"/>
      <c r="K31" s="361"/>
      <c r="L31" s="362"/>
      <c r="M31" s="450"/>
      <c r="N31" s="450"/>
      <c r="O31" s="450"/>
      <c r="P31" s="450"/>
      <c r="Q31" s="450"/>
      <c r="R31" s="450"/>
      <c r="S31" s="450"/>
      <c r="T31" s="450"/>
      <c r="U31" s="450"/>
      <c r="V31" s="450"/>
      <c r="W31" s="450"/>
      <c r="X31" s="450"/>
      <c r="Y31" s="450"/>
      <c r="Z31" s="450"/>
      <c r="AA31" s="450"/>
      <c r="AB31" s="450"/>
      <c r="AC31" s="450"/>
      <c r="AD31" s="450"/>
      <c r="AE31" s="450"/>
      <c r="AF31" s="450"/>
      <c r="AG31" s="450"/>
      <c r="AH31" s="450"/>
      <c r="AI31" s="450"/>
      <c r="AJ31" s="450"/>
      <c r="AK31" s="450"/>
      <c r="AL31" s="450"/>
      <c r="AM31" s="450"/>
      <c r="AN31" s="451"/>
      <c r="AP31" s="87"/>
    </row>
    <row r="32" spans="2:42" ht="14.25" customHeight="1" x14ac:dyDescent="0.15">
      <c r="B32" s="387"/>
      <c r="C32" s="439" t="s">
        <v>91</v>
      </c>
      <c r="D32" s="440"/>
      <c r="E32" s="440"/>
      <c r="F32" s="440"/>
      <c r="G32" s="440"/>
      <c r="H32" s="440"/>
      <c r="I32" s="440"/>
      <c r="J32" s="440"/>
      <c r="K32" s="440"/>
      <c r="L32" s="441"/>
      <c r="M32" s="401" t="s">
        <v>9</v>
      </c>
      <c r="N32" s="402"/>
      <c r="O32" s="402"/>
      <c r="P32" s="402"/>
      <c r="Q32" s="403"/>
      <c r="R32" s="323"/>
      <c r="S32" s="324"/>
      <c r="T32" s="324"/>
      <c r="U32" s="324"/>
      <c r="V32" s="324"/>
      <c r="W32" s="324"/>
      <c r="X32" s="324"/>
      <c r="Y32" s="324"/>
      <c r="Z32" s="324"/>
      <c r="AA32" s="325"/>
      <c r="AB32" s="421" t="s">
        <v>10</v>
      </c>
      <c r="AC32" s="363"/>
      <c r="AD32" s="363"/>
      <c r="AE32" s="363"/>
      <c r="AF32" s="367"/>
      <c r="AG32" s="323"/>
      <c r="AH32" s="324"/>
      <c r="AI32" s="324"/>
      <c r="AJ32" s="324"/>
      <c r="AK32" s="324"/>
      <c r="AL32" s="324"/>
      <c r="AM32" s="324"/>
      <c r="AN32" s="325"/>
      <c r="AP32" s="87"/>
    </row>
    <row r="33" spans="2:42" ht="13.5" customHeight="1" x14ac:dyDescent="0.15">
      <c r="B33" s="387"/>
      <c r="C33" s="455" t="s">
        <v>16</v>
      </c>
      <c r="D33" s="456"/>
      <c r="E33" s="456"/>
      <c r="F33" s="456"/>
      <c r="G33" s="456"/>
      <c r="H33" s="456"/>
      <c r="I33" s="456"/>
      <c r="J33" s="456"/>
      <c r="K33" s="456"/>
      <c r="L33" s="457"/>
      <c r="M33" s="363" t="s">
        <v>163</v>
      </c>
      <c r="N33" s="363"/>
      <c r="O33" s="363"/>
      <c r="P33" s="363"/>
      <c r="Q33" s="363"/>
      <c r="R33" s="363"/>
      <c r="S33" s="363"/>
      <c r="T33" s="138" t="s">
        <v>164</v>
      </c>
      <c r="U33" s="363"/>
      <c r="V33" s="363"/>
      <c r="W33" s="363"/>
      <c r="X33" s="138" t="s">
        <v>165</v>
      </c>
      <c r="Y33" s="363"/>
      <c r="Z33" s="363"/>
      <c r="AA33" s="363"/>
      <c r="AB33" s="363"/>
      <c r="AC33" s="363"/>
      <c r="AD33" s="363"/>
      <c r="AE33" s="363"/>
      <c r="AF33" s="363"/>
      <c r="AG33" s="363"/>
      <c r="AH33" s="363"/>
      <c r="AI33" s="363"/>
      <c r="AJ33" s="363"/>
      <c r="AK33" s="363"/>
      <c r="AL33" s="363"/>
      <c r="AM33" s="363"/>
      <c r="AN33" s="367"/>
      <c r="AP33" s="87"/>
    </row>
    <row r="34" spans="2:42" ht="14.25" customHeight="1" x14ac:dyDescent="0.15">
      <c r="B34" s="387"/>
      <c r="C34" s="458"/>
      <c r="D34" s="459"/>
      <c r="E34" s="459"/>
      <c r="F34" s="459"/>
      <c r="G34" s="459"/>
      <c r="H34" s="459"/>
      <c r="I34" s="459"/>
      <c r="J34" s="459"/>
      <c r="K34" s="459"/>
      <c r="L34" s="460"/>
      <c r="M34" s="334" t="s">
        <v>166</v>
      </c>
      <c r="N34" s="334"/>
      <c r="O34" s="334"/>
      <c r="P34" s="334"/>
      <c r="Q34" s="193" t="s">
        <v>167</v>
      </c>
      <c r="R34" s="334"/>
      <c r="S34" s="334"/>
      <c r="T34" s="334"/>
      <c r="U34" s="334"/>
      <c r="V34" s="334" t="s">
        <v>168</v>
      </c>
      <c r="W34" s="334"/>
      <c r="X34" s="334"/>
      <c r="Y34" s="334"/>
      <c r="Z34" s="334"/>
      <c r="AA34" s="334"/>
      <c r="AB34" s="334"/>
      <c r="AC34" s="334"/>
      <c r="AD34" s="334"/>
      <c r="AE34" s="334"/>
      <c r="AF34" s="334"/>
      <c r="AG34" s="334"/>
      <c r="AH34" s="334"/>
      <c r="AI34" s="334"/>
      <c r="AJ34" s="334"/>
      <c r="AK34" s="334"/>
      <c r="AL34" s="334"/>
      <c r="AM34" s="334"/>
      <c r="AN34" s="368"/>
      <c r="AP34" s="87"/>
    </row>
    <row r="35" spans="2:42" x14ac:dyDescent="0.15">
      <c r="B35" s="387"/>
      <c r="C35" s="461"/>
      <c r="D35" s="462"/>
      <c r="E35" s="462"/>
      <c r="F35" s="462"/>
      <c r="G35" s="462"/>
      <c r="H35" s="462"/>
      <c r="I35" s="462"/>
      <c r="J35" s="462"/>
      <c r="K35" s="462"/>
      <c r="L35" s="463"/>
      <c r="M35" s="450"/>
      <c r="N35" s="450"/>
      <c r="O35" s="450"/>
      <c r="P35" s="450"/>
      <c r="Q35" s="450"/>
      <c r="R35" s="450"/>
      <c r="S35" s="450"/>
      <c r="T35" s="450"/>
      <c r="U35" s="450"/>
      <c r="V35" s="450"/>
      <c r="W35" s="450"/>
      <c r="X35" s="450"/>
      <c r="Y35" s="450"/>
      <c r="Z35" s="450"/>
      <c r="AA35" s="450"/>
      <c r="AB35" s="450"/>
      <c r="AC35" s="450"/>
      <c r="AD35" s="450"/>
      <c r="AE35" s="450"/>
      <c r="AF35" s="450"/>
      <c r="AG35" s="450"/>
      <c r="AH35" s="450"/>
      <c r="AI35" s="450"/>
      <c r="AJ35" s="450"/>
      <c r="AK35" s="450"/>
      <c r="AL35" s="450"/>
      <c r="AM35" s="450"/>
      <c r="AN35" s="451"/>
      <c r="AP35" s="87"/>
    </row>
    <row r="36" spans="2:42" ht="14.25" customHeight="1" x14ac:dyDescent="0.15">
      <c r="B36" s="387"/>
      <c r="C36" s="439" t="s">
        <v>91</v>
      </c>
      <c r="D36" s="440"/>
      <c r="E36" s="440"/>
      <c r="F36" s="440"/>
      <c r="G36" s="440"/>
      <c r="H36" s="440"/>
      <c r="I36" s="440"/>
      <c r="J36" s="440"/>
      <c r="K36" s="440"/>
      <c r="L36" s="441"/>
      <c r="M36" s="401" t="s">
        <v>9</v>
      </c>
      <c r="N36" s="402"/>
      <c r="O36" s="402"/>
      <c r="P36" s="402"/>
      <c r="Q36" s="403"/>
      <c r="R36" s="323"/>
      <c r="S36" s="324"/>
      <c r="T36" s="324"/>
      <c r="U36" s="324"/>
      <c r="V36" s="324"/>
      <c r="W36" s="324"/>
      <c r="X36" s="324"/>
      <c r="Y36" s="324"/>
      <c r="Z36" s="324"/>
      <c r="AA36" s="325"/>
      <c r="AB36" s="421" t="s">
        <v>10</v>
      </c>
      <c r="AC36" s="363"/>
      <c r="AD36" s="363"/>
      <c r="AE36" s="363"/>
      <c r="AF36" s="367"/>
      <c r="AG36" s="323"/>
      <c r="AH36" s="324"/>
      <c r="AI36" s="324"/>
      <c r="AJ36" s="324"/>
      <c r="AK36" s="324"/>
      <c r="AL36" s="324"/>
      <c r="AM36" s="324"/>
      <c r="AN36" s="325"/>
      <c r="AP36" s="87"/>
    </row>
    <row r="37" spans="2:42" ht="14.25" customHeight="1" x14ac:dyDescent="0.15">
      <c r="B37" s="387"/>
      <c r="C37" s="439" t="s">
        <v>17</v>
      </c>
      <c r="D37" s="440"/>
      <c r="E37" s="440"/>
      <c r="F37" s="440"/>
      <c r="G37" s="440"/>
      <c r="H37" s="440"/>
      <c r="I37" s="440"/>
      <c r="J37" s="440"/>
      <c r="K37" s="440"/>
      <c r="L37" s="441"/>
      <c r="M37" s="393"/>
      <c r="N37" s="394"/>
      <c r="O37" s="394"/>
      <c r="P37" s="394"/>
      <c r="Q37" s="394"/>
      <c r="R37" s="394"/>
      <c r="S37" s="394"/>
      <c r="T37" s="394"/>
      <c r="U37" s="394"/>
      <c r="V37" s="394"/>
      <c r="W37" s="394"/>
      <c r="X37" s="394"/>
      <c r="Y37" s="394"/>
      <c r="Z37" s="394"/>
      <c r="AA37" s="394"/>
      <c r="AB37" s="394"/>
      <c r="AC37" s="394"/>
      <c r="AD37" s="394"/>
      <c r="AE37" s="394"/>
      <c r="AF37" s="394"/>
      <c r="AG37" s="394"/>
      <c r="AH37" s="394"/>
      <c r="AI37" s="394"/>
      <c r="AJ37" s="394"/>
      <c r="AK37" s="394"/>
      <c r="AL37" s="394"/>
      <c r="AM37" s="394"/>
      <c r="AN37" s="400"/>
      <c r="AP37" s="87"/>
    </row>
    <row r="38" spans="2:42" ht="13.5" customHeight="1" x14ac:dyDescent="0.15">
      <c r="B38" s="387"/>
      <c r="C38" s="354" t="s">
        <v>18</v>
      </c>
      <c r="D38" s="355"/>
      <c r="E38" s="355"/>
      <c r="F38" s="355"/>
      <c r="G38" s="355"/>
      <c r="H38" s="355"/>
      <c r="I38" s="355"/>
      <c r="J38" s="355"/>
      <c r="K38" s="355"/>
      <c r="L38" s="356"/>
      <c r="M38" s="363" t="s">
        <v>163</v>
      </c>
      <c r="N38" s="363"/>
      <c r="O38" s="363"/>
      <c r="P38" s="363"/>
      <c r="Q38" s="363"/>
      <c r="R38" s="363"/>
      <c r="S38" s="363"/>
      <c r="T38" s="138" t="s">
        <v>164</v>
      </c>
      <c r="U38" s="363"/>
      <c r="V38" s="363"/>
      <c r="W38" s="363"/>
      <c r="X38" s="138" t="s">
        <v>165</v>
      </c>
      <c r="Y38" s="363"/>
      <c r="Z38" s="363"/>
      <c r="AA38" s="363"/>
      <c r="AB38" s="363"/>
      <c r="AC38" s="363"/>
      <c r="AD38" s="363"/>
      <c r="AE38" s="363"/>
      <c r="AF38" s="363"/>
      <c r="AG38" s="363"/>
      <c r="AH38" s="363"/>
      <c r="AI38" s="363"/>
      <c r="AJ38" s="363"/>
      <c r="AK38" s="363"/>
      <c r="AL38" s="363"/>
      <c r="AM38" s="363"/>
      <c r="AN38" s="367"/>
      <c r="AP38" s="87"/>
    </row>
    <row r="39" spans="2:42" ht="14.25" customHeight="1" x14ac:dyDescent="0.15">
      <c r="B39" s="387"/>
      <c r="C39" s="357"/>
      <c r="D39" s="358"/>
      <c r="E39" s="358"/>
      <c r="F39" s="358"/>
      <c r="G39" s="358"/>
      <c r="H39" s="358"/>
      <c r="I39" s="358"/>
      <c r="J39" s="358"/>
      <c r="K39" s="358"/>
      <c r="L39" s="359"/>
      <c r="M39" s="334" t="s">
        <v>166</v>
      </c>
      <c r="N39" s="334"/>
      <c r="O39" s="334"/>
      <c r="P39" s="334"/>
      <c r="Q39" s="193" t="s">
        <v>167</v>
      </c>
      <c r="R39" s="334"/>
      <c r="S39" s="334"/>
      <c r="T39" s="334"/>
      <c r="U39" s="334"/>
      <c r="V39" s="334" t="s">
        <v>168</v>
      </c>
      <c r="W39" s="334"/>
      <c r="X39" s="334"/>
      <c r="Y39" s="334"/>
      <c r="Z39" s="334"/>
      <c r="AA39" s="334"/>
      <c r="AB39" s="334"/>
      <c r="AC39" s="334"/>
      <c r="AD39" s="334"/>
      <c r="AE39" s="334"/>
      <c r="AF39" s="334"/>
      <c r="AG39" s="334"/>
      <c r="AH39" s="334"/>
      <c r="AI39" s="334"/>
      <c r="AJ39" s="334"/>
      <c r="AK39" s="334"/>
      <c r="AL39" s="334"/>
      <c r="AM39" s="334"/>
      <c r="AN39" s="368"/>
      <c r="AP39" s="87"/>
    </row>
    <row r="40" spans="2:42" x14ac:dyDescent="0.15">
      <c r="B40" s="412"/>
      <c r="C40" s="360"/>
      <c r="D40" s="361"/>
      <c r="E40" s="361"/>
      <c r="F40" s="361"/>
      <c r="G40" s="361"/>
      <c r="H40" s="361"/>
      <c r="I40" s="361"/>
      <c r="J40" s="361"/>
      <c r="K40" s="361"/>
      <c r="L40" s="362"/>
      <c r="M40" s="450"/>
      <c r="N40" s="450"/>
      <c r="O40" s="450"/>
      <c r="P40" s="450"/>
      <c r="Q40" s="450"/>
      <c r="R40" s="450"/>
      <c r="S40" s="450"/>
      <c r="T40" s="450"/>
      <c r="U40" s="450"/>
      <c r="V40" s="450"/>
      <c r="W40" s="450"/>
      <c r="X40" s="450"/>
      <c r="Y40" s="450"/>
      <c r="Z40" s="450"/>
      <c r="AA40" s="450"/>
      <c r="AB40" s="450"/>
      <c r="AC40" s="450"/>
      <c r="AD40" s="450"/>
      <c r="AE40" s="450"/>
      <c r="AF40" s="450"/>
      <c r="AG40" s="450"/>
      <c r="AH40" s="450"/>
      <c r="AI40" s="450"/>
      <c r="AJ40" s="450"/>
      <c r="AK40" s="450"/>
      <c r="AL40" s="450"/>
      <c r="AM40" s="450"/>
      <c r="AN40" s="451"/>
      <c r="AP40" s="87"/>
    </row>
    <row r="41" spans="2:42" ht="13.5" customHeight="1" x14ac:dyDescent="0.15">
      <c r="B41" s="386" t="s">
        <v>46</v>
      </c>
      <c r="C41" s="376" t="s">
        <v>120</v>
      </c>
      <c r="D41" s="377"/>
      <c r="E41" s="377"/>
      <c r="F41" s="377"/>
      <c r="G41" s="377"/>
      <c r="H41" s="377"/>
      <c r="I41" s="377"/>
      <c r="J41" s="377"/>
      <c r="K41" s="377"/>
      <c r="L41" s="377"/>
      <c r="M41" s="380" t="s">
        <v>19</v>
      </c>
      <c r="N41" s="381"/>
      <c r="O41" s="201" t="s">
        <v>66</v>
      </c>
      <c r="P41" s="202"/>
      <c r="Q41" s="203"/>
      <c r="R41" s="316" t="s">
        <v>20</v>
      </c>
      <c r="S41" s="317"/>
      <c r="T41" s="317"/>
      <c r="U41" s="317"/>
      <c r="V41" s="317"/>
      <c r="W41" s="317"/>
      <c r="X41" s="317"/>
      <c r="Y41" s="317"/>
      <c r="Z41" s="318"/>
      <c r="AA41" s="416" t="s">
        <v>121</v>
      </c>
      <c r="AB41" s="417"/>
      <c r="AC41" s="417"/>
      <c r="AD41" s="418"/>
      <c r="AE41" s="419" t="s">
        <v>122</v>
      </c>
      <c r="AF41" s="420"/>
      <c r="AG41" s="420"/>
      <c r="AH41" s="420"/>
      <c r="AI41" s="409" t="s">
        <v>70</v>
      </c>
      <c r="AJ41" s="410"/>
      <c r="AK41" s="410"/>
      <c r="AL41" s="410"/>
      <c r="AM41" s="410"/>
      <c r="AN41" s="411"/>
      <c r="AP41" s="87"/>
    </row>
    <row r="42" spans="2:42" ht="14.25" customHeight="1" x14ac:dyDescent="0.15">
      <c r="B42" s="387"/>
      <c r="C42" s="378"/>
      <c r="D42" s="379"/>
      <c r="E42" s="379"/>
      <c r="F42" s="379"/>
      <c r="G42" s="379"/>
      <c r="H42" s="379"/>
      <c r="I42" s="379"/>
      <c r="J42" s="379"/>
      <c r="K42" s="379"/>
      <c r="L42" s="379"/>
      <c r="M42" s="382"/>
      <c r="N42" s="383"/>
      <c r="O42" s="107" t="s">
        <v>49</v>
      </c>
      <c r="P42" s="108"/>
      <c r="Q42" s="109"/>
      <c r="R42" s="319"/>
      <c r="S42" s="320"/>
      <c r="T42" s="320"/>
      <c r="U42" s="320"/>
      <c r="V42" s="320"/>
      <c r="W42" s="320"/>
      <c r="X42" s="320"/>
      <c r="Y42" s="320"/>
      <c r="Z42" s="321"/>
      <c r="AA42" s="110" t="s">
        <v>34</v>
      </c>
      <c r="AB42" s="111"/>
      <c r="AC42" s="111"/>
      <c r="AD42" s="111"/>
      <c r="AE42" s="442" t="s">
        <v>35</v>
      </c>
      <c r="AF42" s="443"/>
      <c r="AG42" s="443"/>
      <c r="AH42" s="443"/>
      <c r="AI42" s="442" t="s">
        <v>54</v>
      </c>
      <c r="AJ42" s="443"/>
      <c r="AK42" s="443"/>
      <c r="AL42" s="443"/>
      <c r="AM42" s="443"/>
      <c r="AN42" s="444"/>
      <c r="AP42" s="87"/>
    </row>
    <row r="43" spans="2:42" ht="14.25" customHeight="1" x14ac:dyDescent="0.15">
      <c r="B43" s="387"/>
      <c r="C43" s="398" t="s">
        <v>130</v>
      </c>
      <c r="D43" s="103"/>
      <c r="E43" s="374" t="s">
        <v>75</v>
      </c>
      <c r="F43" s="374"/>
      <c r="G43" s="374"/>
      <c r="H43" s="374"/>
      <c r="I43" s="374"/>
      <c r="J43" s="374"/>
      <c r="K43" s="374"/>
      <c r="L43" s="375"/>
      <c r="M43" s="349"/>
      <c r="N43" s="350"/>
      <c r="O43" s="351"/>
      <c r="P43" s="352"/>
      <c r="Q43" s="353"/>
      <c r="R43" s="194" t="s">
        <v>161</v>
      </c>
      <c r="S43" s="369" t="s">
        <v>171</v>
      </c>
      <c r="T43" s="369"/>
      <c r="U43" s="195" t="s">
        <v>161</v>
      </c>
      <c r="V43" s="369" t="s">
        <v>172</v>
      </c>
      <c r="W43" s="369"/>
      <c r="X43" s="195" t="s">
        <v>161</v>
      </c>
      <c r="Y43" s="369" t="s">
        <v>173</v>
      </c>
      <c r="Z43" s="370"/>
      <c r="AA43" s="371"/>
      <c r="AB43" s="372"/>
      <c r="AC43" s="372"/>
      <c r="AD43" s="373"/>
      <c r="AE43" s="371"/>
      <c r="AF43" s="372"/>
      <c r="AG43" s="372"/>
      <c r="AH43" s="373"/>
      <c r="AI43" s="194" t="s">
        <v>161</v>
      </c>
      <c r="AJ43" s="369" t="s">
        <v>175</v>
      </c>
      <c r="AK43" s="369"/>
      <c r="AL43" s="195" t="s">
        <v>161</v>
      </c>
      <c r="AM43" s="369" t="s">
        <v>176</v>
      </c>
      <c r="AN43" s="370"/>
      <c r="AP43" s="87"/>
    </row>
    <row r="44" spans="2:42" ht="14.25" customHeight="1" x14ac:dyDescent="0.15">
      <c r="B44" s="387"/>
      <c r="C44" s="398"/>
      <c r="D44" s="103"/>
      <c r="E44" s="374" t="s">
        <v>115</v>
      </c>
      <c r="F44" s="407"/>
      <c r="G44" s="407"/>
      <c r="H44" s="407"/>
      <c r="I44" s="407"/>
      <c r="J44" s="407"/>
      <c r="K44" s="407"/>
      <c r="L44" s="408"/>
      <c r="M44" s="349"/>
      <c r="N44" s="350"/>
      <c r="O44" s="351"/>
      <c r="P44" s="352"/>
      <c r="Q44" s="353"/>
      <c r="R44" s="194" t="s">
        <v>161</v>
      </c>
      <c r="S44" s="369" t="s">
        <v>171</v>
      </c>
      <c r="T44" s="369"/>
      <c r="U44" s="195" t="s">
        <v>161</v>
      </c>
      <c r="V44" s="369" t="s">
        <v>172</v>
      </c>
      <c r="W44" s="369"/>
      <c r="X44" s="195" t="s">
        <v>161</v>
      </c>
      <c r="Y44" s="369" t="s">
        <v>173</v>
      </c>
      <c r="Z44" s="370"/>
      <c r="AA44" s="371"/>
      <c r="AB44" s="372"/>
      <c r="AC44" s="372"/>
      <c r="AD44" s="373"/>
      <c r="AE44" s="371"/>
      <c r="AF44" s="372"/>
      <c r="AG44" s="372"/>
      <c r="AH44" s="373"/>
      <c r="AI44" s="194" t="s">
        <v>161</v>
      </c>
      <c r="AJ44" s="369" t="s">
        <v>175</v>
      </c>
      <c r="AK44" s="369"/>
      <c r="AL44" s="195" t="s">
        <v>161</v>
      </c>
      <c r="AM44" s="369" t="s">
        <v>176</v>
      </c>
      <c r="AN44" s="370"/>
      <c r="AP44" s="87"/>
    </row>
    <row r="45" spans="2:42" ht="14.25" customHeight="1" x14ac:dyDescent="0.15">
      <c r="B45" s="387"/>
      <c r="C45" s="398"/>
      <c r="D45" s="103"/>
      <c r="E45" s="374" t="s">
        <v>102</v>
      </c>
      <c r="F45" s="407"/>
      <c r="G45" s="407"/>
      <c r="H45" s="407"/>
      <c r="I45" s="407"/>
      <c r="J45" s="407"/>
      <c r="K45" s="407"/>
      <c r="L45" s="408"/>
      <c r="M45" s="349"/>
      <c r="N45" s="350"/>
      <c r="O45" s="351"/>
      <c r="P45" s="352"/>
      <c r="Q45" s="353"/>
      <c r="R45" s="194" t="s">
        <v>161</v>
      </c>
      <c r="S45" s="369" t="s">
        <v>171</v>
      </c>
      <c r="T45" s="369"/>
      <c r="U45" s="195" t="s">
        <v>161</v>
      </c>
      <c r="V45" s="369" t="s">
        <v>172</v>
      </c>
      <c r="W45" s="369"/>
      <c r="X45" s="195" t="s">
        <v>161</v>
      </c>
      <c r="Y45" s="369" t="s">
        <v>173</v>
      </c>
      <c r="Z45" s="370"/>
      <c r="AA45" s="371"/>
      <c r="AB45" s="372"/>
      <c r="AC45" s="372"/>
      <c r="AD45" s="373"/>
      <c r="AE45" s="371"/>
      <c r="AF45" s="372"/>
      <c r="AG45" s="372"/>
      <c r="AH45" s="373"/>
      <c r="AI45" s="194" t="s">
        <v>161</v>
      </c>
      <c r="AJ45" s="369" t="s">
        <v>175</v>
      </c>
      <c r="AK45" s="369"/>
      <c r="AL45" s="195" t="s">
        <v>161</v>
      </c>
      <c r="AM45" s="369" t="s">
        <v>176</v>
      </c>
      <c r="AN45" s="370"/>
      <c r="AP45" s="87"/>
    </row>
    <row r="46" spans="2:42" ht="14.25" customHeight="1" x14ac:dyDescent="0.15">
      <c r="B46" s="387"/>
      <c r="C46" s="398"/>
      <c r="D46" s="103"/>
      <c r="E46" s="374" t="s">
        <v>76</v>
      </c>
      <c r="F46" s="407"/>
      <c r="G46" s="407"/>
      <c r="H46" s="407"/>
      <c r="I46" s="407"/>
      <c r="J46" s="407"/>
      <c r="K46" s="407"/>
      <c r="L46" s="408"/>
      <c r="M46" s="349"/>
      <c r="N46" s="350"/>
      <c r="O46" s="351"/>
      <c r="P46" s="352"/>
      <c r="Q46" s="353"/>
      <c r="R46" s="194" t="s">
        <v>161</v>
      </c>
      <c r="S46" s="369" t="s">
        <v>171</v>
      </c>
      <c r="T46" s="369"/>
      <c r="U46" s="195" t="s">
        <v>161</v>
      </c>
      <c r="V46" s="369" t="s">
        <v>172</v>
      </c>
      <c r="W46" s="369"/>
      <c r="X46" s="195" t="s">
        <v>161</v>
      </c>
      <c r="Y46" s="369" t="s">
        <v>173</v>
      </c>
      <c r="Z46" s="370"/>
      <c r="AA46" s="371"/>
      <c r="AB46" s="372"/>
      <c r="AC46" s="372"/>
      <c r="AD46" s="373"/>
      <c r="AE46" s="371"/>
      <c r="AF46" s="372"/>
      <c r="AG46" s="372"/>
      <c r="AH46" s="373"/>
      <c r="AI46" s="194" t="s">
        <v>161</v>
      </c>
      <c r="AJ46" s="369" t="s">
        <v>175</v>
      </c>
      <c r="AK46" s="369"/>
      <c r="AL46" s="195" t="s">
        <v>161</v>
      </c>
      <c r="AM46" s="369" t="s">
        <v>176</v>
      </c>
      <c r="AN46" s="370"/>
      <c r="AP46" s="87"/>
    </row>
    <row r="47" spans="2:42" ht="14.25" customHeight="1" x14ac:dyDescent="0.15">
      <c r="B47" s="387"/>
      <c r="C47" s="398"/>
      <c r="D47" s="103"/>
      <c r="E47" s="374" t="s">
        <v>77</v>
      </c>
      <c r="F47" s="407"/>
      <c r="G47" s="407"/>
      <c r="H47" s="407"/>
      <c r="I47" s="407"/>
      <c r="J47" s="407"/>
      <c r="K47" s="407"/>
      <c r="L47" s="408"/>
      <c r="M47" s="349"/>
      <c r="N47" s="350"/>
      <c r="O47" s="351"/>
      <c r="P47" s="352"/>
      <c r="Q47" s="353"/>
      <c r="R47" s="194" t="s">
        <v>161</v>
      </c>
      <c r="S47" s="369" t="s">
        <v>171</v>
      </c>
      <c r="T47" s="369"/>
      <c r="U47" s="195" t="s">
        <v>161</v>
      </c>
      <c r="V47" s="369" t="s">
        <v>172</v>
      </c>
      <c r="W47" s="369"/>
      <c r="X47" s="195" t="s">
        <v>161</v>
      </c>
      <c r="Y47" s="369" t="s">
        <v>173</v>
      </c>
      <c r="Z47" s="370"/>
      <c r="AA47" s="371"/>
      <c r="AB47" s="372"/>
      <c r="AC47" s="372"/>
      <c r="AD47" s="373"/>
      <c r="AE47" s="371"/>
      <c r="AF47" s="372"/>
      <c r="AG47" s="372"/>
      <c r="AH47" s="373"/>
      <c r="AI47" s="194" t="s">
        <v>161</v>
      </c>
      <c r="AJ47" s="369" t="s">
        <v>175</v>
      </c>
      <c r="AK47" s="369"/>
      <c r="AL47" s="195" t="s">
        <v>161</v>
      </c>
      <c r="AM47" s="369" t="s">
        <v>176</v>
      </c>
      <c r="AN47" s="370"/>
      <c r="AP47" s="87"/>
    </row>
    <row r="48" spans="2:42" ht="14.25" customHeight="1" x14ac:dyDescent="0.15">
      <c r="B48" s="387"/>
      <c r="C48" s="398"/>
      <c r="D48" s="103"/>
      <c r="E48" s="346" t="s">
        <v>58</v>
      </c>
      <c r="F48" s="347"/>
      <c r="G48" s="347"/>
      <c r="H48" s="347"/>
      <c r="I48" s="347"/>
      <c r="J48" s="347"/>
      <c r="K48" s="347"/>
      <c r="L48" s="348"/>
      <c r="M48" s="349"/>
      <c r="N48" s="350"/>
      <c r="O48" s="351"/>
      <c r="P48" s="352"/>
      <c r="Q48" s="353"/>
      <c r="R48" s="194" t="s">
        <v>161</v>
      </c>
      <c r="S48" s="369" t="s">
        <v>171</v>
      </c>
      <c r="T48" s="369"/>
      <c r="U48" s="195" t="s">
        <v>161</v>
      </c>
      <c r="V48" s="369" t="s">
        <v>172</v>
      </c>
      <c r="W48" s="369"/>
      <c r="X48" s="195" t="s">
        <v>161</v>
      </c>
      <c r="Y48" s="369" t="s">
        <v>173</v>
      </c>
      <c r="Z48" s="370"/>
      <c r="AA48" s="371"/>
      <c r="AB48" s="372"/>
      <c r="AC48" s="372"/>
      <c r="AD48" s="373"/>
      <c r="AE48" s="371"/>
      <c r="AF48" s="372"/>
      <c r="AG48" s="372"/>
      <c r="AH48" s="373"/>
      <c r="AI48" s="194" t="s">
        <v>161</v>
      </c>
      <c r="AJ48" s="369" t="s">
        <v>175</v>
      </c>
      <c r="AK48" s="369"/>
      <c r="AL48" s="195" t="s">
        <v>161</v>
      </c>
      <c r="AM48" s="369" t="s">
        <v>176</v>
      </c>
      <c r="AN48" s="370"/>
      <c r="AP48" s="87"/>
    </row>
    <row r="49" spans="2:42" ht="14.25" customHeight="1" x14ac:dyDescent="0.15">
      <c r="B49" s="387"/>
      <c r="C49" s="398"/>
      <c r="D49" s="103"/>
      <c r="E49" s="346" t="s">
        <v>82</v>
      </c>
      <c r="F49" s="347"/>
      <c r="G49" s="347"/>
      <c r="H49" s="347"/>
      <c r="I49" s="347"/>
      <c r="J49" s="347"/>
      <c r="K49" s="347"/>
      <c r="L49" s="348"/>
      <c r="M49" s="349"/>
      <c r="N49" s="350"/>
      <c r="O49" s="351"/>
      <c r="P49" s="352"/>
      <c r="Q49" s="353"/>
      <c r="R49" s="194" t="s">
        <v>161</v>
      </c>
      <c r="S49" s="369" t="s">
        <v>171</v>
      </c>
      <c r="T49" s="369"/>
      <c r="U49" s="195" t="s">
        <v>161</v>
      </c>
      <c r="V49" s="369" t="s">
        <v>172</v>
      </c>
      <c r="W49" s="369"/>
      <c r="X49" s="195" t="s">
        <v>161</v>
      </c>
      <c r="Y49" s="369" t="s">
        <v>173</v>
      </c>
      <c r="Z49" s="370"/>
      <c r="AA49" s="371"/>
      <c r="AB49" s="372"/>
      <c r="AC49" s="372"/>
      <c r="AD49" s="373"/>
      <c r="AE49" s="371"/>
      <c r="AF49" s="372"/>
      <c r="AG49" s="372"/>
      <c r="AH49" s="373"/>
      <c r="AI49" s="194" t="s">
        <v>161</v>
      </c>
      <c r="AJ49" s="369" t="s">
        <v>175</v>
      </c>
      <c r="AK49" s="369"/>
      <c r="AL49" s="195" t="s">
        <v>161</v>
      </c>
      <c r="AM49" s="369" t="s">
        <v>176</v>
      </c>
      <c r="AN49" s="370"/>
      <c r="AP49" s="87"/>
    </row>
    <row r="50" spans="2:42" ht="14.25" customHeight="1" x14ac:dyDescent="0.15">
      <c r="B50" s="387"/>
      <c r="C50" s="398"/>
      <c r="D50" s="112"/>
      <c r="E50" s="346" t="s">
        <v>114</v>
      </c>
      <c r="F50" s="384"/>
      <c r="G50" s="384"/>
      <c r="H50" s="384"/>
      <c r="I50" s="384"/>
      <c r="J50" s="384"/>
      <c r="K50" s="384"/>
      <c r="L50" s="385"/>
      <c r="M50" s="349"/>
      <c r="N50" s="350"/>
      <c r="O50" s="351"/>
      <c r="P50" s="352"/>
      <c r="Q50" s="353"/>
      <c r="R50" s="194" t="s">
        <v>161</v>
      </c>
      <c r="S50" s="369" t="s">
        <v>171</v>
      </c>
      <c r="T50" s="369"/>
      <c r="U50" s="195" t="s">
        <v>161</v>
      </c>
      <c r="V50" s="369" t="s">
        <v>172</v>
      </c>
      <c r="W50" s="369"/>
      <c r="X50" s="195" t="s">
        <v>161</v>
      </c>
      <c r="Y50" s="369" t="s">
        <v>173</v>
      </c>
      <c r="Z50" s="370"/>
      <c r="AA50" s="371"/>
      <c r="AB50" s="372"/>
      <c r="AC50" s="372"/>
      <c r="AD50" s="373"/>
      <c r="AE50" s="371"/>
      <c r="AF50" s="372"/>
      <c r="AG50" s="372"/>
      <c r="AH50" s="373"/>
      <c r="AI50" s="194" t="s">
        <v>161</v>
      </c>
      <c r="AJ50" s="369" t="s">
        <v>175</v>
      </c>
      <c r="AK50" s="369"/>
      <c r="AL50" s="195" t="s">
        <v>161</v>
      </c>
      <c r="AM50" s="369" t="s">
        <v>176</v>
      </c>
      <c r="AN50" s="370"/>
      <c r="AP50" s="87"/>
    </row>
    <row r="51" spans="2:42" ht="14.25" customHeight="1" x14ac:dyDescent="0.15">
      <c r="B51" s="387"/>
      <c r="C51" s="398"/>
      <c r="D51" s="112"/>
      <c r="E51" s="341" t="s">
        <v>103</v>
      </c>
      <c r="F51" s="342"/>
      <c r="G51" s="342"/>
      <c r="H51" s="342"/>
      <c r="I51" s="342"/>
      <c r="J51" s="342"/>
      <c r="K51" s="342"/>
      <c r="L51" s="343"/>
      <c r="M51" s="349"/>
      <c r="N51" s="350"/>
      <c r="O51" s="351"/>
      <c r="P51" s="352"/>
      <c r="Q51" s="353"/>
      <c r="R51" s="194" t="s">
        <v>161</v>
      </c>
      <c r="S51" s="369" t="s">
        <v>171</v>
      </c>
      <c r="T51" s="369"/>
      <c r="U51" s="195" t="s">
        <v>161</v>
      </c>
      <c r="V51" s="369" t="s">
        <v>172</v>
      </c>
      <c r="W51" s="369"/>
      <c r="X51" s="195" t="s">
        <v>161</v>
      </c>
      <c r="Y51" s="369" t="s">
        <v>173</v>
      </c>
      <c r="Z51" s="370"/>
      <c r="AA51" s="371"/>
      <c r="AB51" s="372"/>
      <c r="AC51" s="372"/>
      <c r="AD51" s="373"/>
      <c r="AE51" s="371"/>
      <c r="AF51" s="372"/>
      <c r="AG51" s="372"/>
      <c r="AH51" s="373"/>
      <c r="AI51" s="194" t="s">
        <v>161</v>
      </c>
      <c r="AJ51" s="369" t="s">
        <v>175</v>
      </c>
      <c r="AK51" s="369"/>
      <c r="AL51" s="195" t="s">
        <v>161</v>
      </c>
      <c r="AM51" s="369" t="s">
        <v>176</v>
      </c>
      <c r="AN51" s="370"/>
      <c r="AP51" s="87"/>
    </row>
    <row r="52" spans="2:42" ht="14.25" customHeight="1" thickBot="1" x14ac:dyDescent="0.2">
      <c r="B52" s="387"/>
      <c r="C52" s="398"/>
      <c r="D52" s="112"/>
      <c r="E52" s="413" t="s">
        <v>104</v>
      </c>
      <c r="F52" s="414"/>
      <c r="G52" s="414"/>
      <c r="H52" s="414"/>
      <c r="I52" s="414"/>
      <c r="J52" s="414"/>
      <c r="K52" s="414"/>
      <c r="L52" s="415"/>
      <c r="M52" s="349"/>
      <c r="N52" s="350"/>
      <c r="O52" s="351"/>
      <c r="P52" s="352"/>
      <c r="Q52" s="353"/>
      <c r="R52" s="194" t="s">
        <v>161</v>
      </c>
      <c r="S52" s="369" t="s">
        <v>171</v>
      </c>
      <c r="T52" s="369"/>
      <c r="U52" s="195" t="s">
        <v>161</v>
      </c>
      <c r="V52" s="369" t="s">
        <v>172</v>
      </c>
      <c r="W52" s="369"/>
      <c r="X52" s="195" t="s">
        <v>161</v>
      </c>
      <c r="Y52" s="369" t="s">
        <v>173</v>
      </c>
      <c r="Z52" s="370"/>
      <c r="AA52" s="371"/>
      <c r="AB52" s="372"/>
      <c r="AC52" s="372"/>
      <c r="AD52" s="373"/>
      <c r="AE52" s="371"/>
      <c r="AF52" s="372"/>
      <c r="AG52" s="372"/>
      <c r="AH52" s="373"/>
      <c r="AI52" s="194" t="s">
        <v>161</v>
      </c>
      <c r="AJ52" s="369" t="s">
        <v>175</v>
      </c>
      <c r="AK52" s="369"/>
      <c r="AL52" s="195" t="s">
        <v>161</v>
      </c>
      <c r="AM52" s="369" t="s">
        <v>176</v>
      </c>
      <c r="AN52" s="370"/>
      <c r="AP52" s="87"/>
    </row>
    <row r="53" spans="2:42" ht="14.25" customHeight="1" thickTop="1" x14ac:dyDescent="0.15">
      <c r="B53" s="387"/>
      <c r="C53" s="398"/>
      <c r="D53" s="113"/>
      <c r="E53" s="344" t="s">
        <v>83</v>
      </c>
      <c r="F53" s="344"/>
      <c r="G53" s="344"/>
      <c r="H53" s="344"/>
      <c r="I53" s="344"/>
      <c r="J53" s="344"/>
      <c r="K53" s="344"/>
      <c r="L53" s="345"/>
      <c r="M53" s="349"/>
      <c r="N53" s="350"/>
      <c r="O53" s="351"/>
      <c r="P53" s="352"/>
      <c r="Q53" s="353"/>
      <c r="R53" s="194" t="s">
        <v>161</v>
      </c>
      <c r="S53" s="369" t="s">
        <v>171</v>
      </c>
      <c r="T53" s="369"/>
      <c r="U53" s="195" t="s">
        <v>161</v>
      </c>
      <c r="V53" s="369" t="s">
        <v>172</v>
      </c>
      <c r="W53" s="369"/>
      <c r="X53" s="195" t="s">
        <v>161</v>
      </c>
      <c r="Y53" s="369" t="s">
        <v>173</v>
      </c>
      <c r="Z53" s="370"/>
      <c r="AA53" s="371"/>
      <c r="AB53" s="372"/>
      <c r="AC53" s="372"/>
      <c r="AD53" s="373"/>
      <c r="AE53" s="371"/>
      <c r="AF53" s="372"/>
      <c r="AG53" s="372"/>
      <c r="AH53" s="373"/>
      <c r="AI53" s="194" t="s">
        <v>161</v>
      </c>
      <c r="AJ53" s="369" t="s">
        <v>175</v>
      </c>
      <c r="AK53" s="369"/>
      <c r="AL53" s="195" t="s">
        <v>161</v>
      </c>
      <c r="AM53" s="369" t="s">
        <v>176</v>
      </c>
      <c r="AN53" s="370"/>
      <c r="AP53" s="87"/>
    </row>
    <row r="54" spans="2:42" ht="14.25" customHeight="1" x14ac:dyDescent="0.15">
      <c r="B54" s="387"/>
      <c r="C54" s="398"/>
      <c r="D54" s="103"/>
      <c r="E54" s="346" t="s">
        <v>78</v>
      </c>
      <c r="F54" s="347"/>
      <c r="G54" s="347"/>
      <c r="H54" s="347"/>
      <c r="I54" s="347"/>
      <c r="J54" s="347"/>
      <c r="K54" s="347"/>
      <c r="L54" s="348"/>
      <c r="M54" s="349"/>
      <c r="N54" s="350"/>
      <c r="O54" s="351"/>
      <c r="P54" s="352"/>
      <c r="Q54" s="353"/>
      <c r="R54" s="194" t="s">
        <v>161</v>
      </c>
      <c r="S54" s="369" t="s">
        <v>171</v>
      </c>
      <c r="T54" s="369"/>
      <c r="U54" s="195" t="s">
        <v>161</v>
      </c>
      <c r="V54" s="369" t="s">
        <v>172</v>
      </c>
      <c r="W54" s="369"/>
      <c r="X54" s="195" t="s">
        <v>161</v>
      </c>
      <c r="Y54" s="369" t="s">
        <v>173</v>
      </c>
      <c r="Z54" s="370"/>
      <c r="AA54" s="371"/>
      <c r="AB54" s="372"/>
      <c r="AC54" s="372"/>
      <c r="AD54" s="373"/>
      <c r="AE54" s="371"/>
      <c r="AF54" s="372"/>
      <c r="AG54" s="372"/>
      <c r="AH54" s="373"/>
      <c r="AI54" s="194" t="s">
        <v>161</v>
      </c>
      <c r="AJ54" s="369" t="s">
        <v>175</v>
      </c>
      <c r="AK54" s="369"/>
      <c r="AL54" s="195" t="s">
        <v>161</v>
      </c>
      <c r="AM54" s="369" t="s">
        <v>176</v>
      </c>
      <c r="AN54" s="370"/>
      <c r="AP54" s="87"/>
    </row>
    <row r="55" spans="2:42" ht="14.25" customHeight="1" x14ac:dyDescent="0.15">
      <c r="B55" s="387"/>
      <c r="C55" s="399"/>
      <c r="D55" s="103"/>
      <c r="E55" s="346" t="s">
        <v>27</v>
      </c>
      <c r="F55" s="347"/>
      <c r="G55" s="347"/>
      <c r="H55" s="347"/>
      <c r="I55" s="347"/>
      <c r="J55" s="347"/>
      <c r="K55" s="347"/>
      <c r="L55" s="348"/>
      <c r="M55" s="349"/>
      <c r="N55" s="350"/>
      <c r="O55" s="351"/>
      <c r="P55" s="352"/>
      <c r="Q55" s="353"/>
      <c r="R55" s="194" t="s">
        <v>161</v>
      </c>
      <c r="S55" s="369" t="s">
        <v>171</v>
      </c>
      <c r="T55" s="369"/>
      <c r="U55" s="195" t="s">
        <v>161</v>
      </c>
      <c r="V55" s="369" t="s">
        <v>172</v>
      </c>
      <c r="W55" s="369"/>
      <c r="X55" s="195" t="s">
        <v>161</v>
      </c>
      <c r="Y55" s="369" t="s">
        <v>173</v>
      </c>
      <c r="Z55" s="370"/>
      <c r="AA55" s="371"/>
      <c r="AB55" s="372"/>
      <c r="AC55" s="372"/>
      <c r="AD55" s="373"/>
      <c r="AE55" s="371"/>
      <c r="AF55" s="372"/>
      <c r="AG55" s="372"/>
      <c r="AH55" s="373"/>
      <c r="AI55" s="194" t="s">
        <v>161</v>
      </c>
      <c r="AJ55" s="369" t="s">
        <v>175</v>
      </c>
      <c r="AK55" s="369"/>
      <c r="AL55" s="195" t="s">
        <v>161</v>
      </c>
      <c r="AM55" s="369" t="s">
        <v>176</v>
      </c>
      <c r="AN55" s="370"/>
      <c r="AP55" s="87"/>
    </row>
    <row r="56" spans="2:42" ht="14.25" customHeight="1" x14ac:dyDescent="0.15">
      <c r="B56" s="114"/>
      <c r="C56" s="393" t="s">
        <v>129</v>
      </c>
      <c r="D56" s="394"/>
      <c r="E56" s="394"/>
      <c r="F56" s="394"/>
      <c r="G56" s="394"/>
      <c r="H56" s="394"/>
      <c r="I56" s="394"/>
      <c r="J56" s="394"/>
      <c r="K56" s="394"/>
      <c r="L56" s="394"/>
      <c r="M56" s="349"/>
      <c r="N56" s="350"/>
      <c r="O56" s="351"/>
      <c r="P56" s="352"/>
      <c r="Q56" s="353"/>
      <c r="R56" s="194" t="s">
        <v>161</v>
      </c>
      <c r="S56" s="369" t="s">
        <v>171</v>
      </c>
      <c r="T56" s="369"/>
      <c r="U56" s="195" t="s">
        <v>161</v>
      </c>
      <c r="V56" s="369" t="s">
        <v>172</v>
      </c>
      <c r="W56" s="369"/>
      <c r="X56" s="195" t="s">
        <v>161</v>
      </c>
      <c r="Y56" s="369" t="s">
        <v>173</v>
      </c>
      <c r="Z56" s="370"/>
      <c r="AA56" s="371"/>
      <c r="AB56" s="372"/>
      <c r="AC56" s="372"/>
      <c r="AD56" s="373"/>
      <c r="AE56" s="371"/>
      <c r="AF56" s="372"/>
      <c r="AG56" s="372"/>
      <c r="AH56" s="373"/>
      <c r="AI56" s="395"/>
      <c r="AJ56" s="396"/>
      <c r="AK56" s="396"/>
      <c r="AL56" s="396"/>
      <c r="AM56" s="396"/>
      <c r="AN56" s="397"/>
      <c r="AP56" s="87"/>
    </row>
    <row r="57" spans="2:42" ht="14.25" customHeight="1" x14ac:dyDescent="0.15">
      <c r="B57" s="114"/>
      <c r="C57" s="393" t="s">
        <v>140</v>
      </c>
      <c r="D57" s="394"/>
      <c r="E57" s="394"/>
      <c r="F57" s="394"/>
      <c r="G57" s="394"/>
      <c r="H57" s="394"/>
      <c r="I57" s="394"/>
      <c r="J57" s="394"/>
      <c r="K57" s="394"/>
      <c r="L57" s="394"/>
      <c r="M57" s="349"/>
      <c r="N57" s="350"/>
      <c r="O57" s="351"/>
      <c r="P57" s="352"/>
      <c r="Q57" s="353"/>
      <c r="R57" s="194" t="s">
        <v>161</v>
      </c>
      <c r="S57" s="369" t="s">
        <v>171</v>
      </c>
      <c r="T57" s="369"/>
      <c r="U57" s="195" t="s">
        <v>161</v>
      </c>
      <c r="V57" s="369" t="s">
        <v>172</v>
      </c>
      <c r="W57" s="369"/>
      <c r="X57" s="195" t="s">
        <v>161</v>
      </c>
      <c r="Y57" s="369" t="s">
        <v>173</v>
      </c>
      <c r="Z57" s="370"/>
      <c r="AA57" s="371"/>
      <c r="AB57" s="372"/>
      <c r="AC57" s="372"/>
      <c r="AD57" s="373"/>
      <c r="AE57" s="371"/>
      <c r="AF57" s="372"/>
      <c r="AG57" s="372"/>
      <c r="AH57" s="373"/>
      <c r="AI57" s="395"/>
      <c r="AJ57" s="396"/>
      <c r="AK57" s="396"/>
      <c r="AL57" s="396"/>
      <c r="AM57" s="396"/>
      <c r="AN57" s="397"/>
      <c r="AP57" s="87"/>
    </row>
    <row r="58" spans="2:42" ht="14.25" customHeight="1" x14ac:dyDescent="0.15">
      <c r="B58" s="431" t="s">
        <v>28</v>
      </c>
      <c r="C58" s="432"/>
      <c r="D58" s="432"/>
      <c r="E58" s="432"/>
      <c r="F58" s="432"/>
      <c r="G58" s="432"/>
      <c r="H58" s="432"/>
      <c r="I58" s="432"/>
      <c r="J58" s="432"/>
      <c r="K58" s="433"/>
      <c r="L58" s="115"/>
      <c r="M58" s="116"/>
      <c r="N58" s="116"/>
      <c r="O58" s="116"/>
      <c r="P58" s="116"/>
      <c r="Q58" s="116"/>
      <c r="R58" s="117"/>
      <c r="S58" s="117"/>
      <c r="T58" s="117"/>
      <c r="U58" s="118"/>
      <c r="V58" s="205"/>
      <c r="W58" s="90"/>
      <c r="X58" s="90"/>
      <c r="Y58" s="90"/>
      <c r="Z58" s="90"/>
      <c r="AA58" s="90"/>
      <c r="AB58" s="101"/>
      <c r="AC58" s="101"/>
      <c r="AD58" s="101"/>
      <c r="AE58" s="102"/>
      <c r="AF58" s="102"/>
      <c r="AG58" s="102"/>
      <c r="AH58" s="102"/>
      <c r="AI58" s="102"/>
      <c r="AJ58" s="200"/>
      <c r="AK58" s="102"/>
      <c r="AL58" s="102"/>
      <c r="AM58" s="102"/>
      <c r="AN58" s="100"/>
      <c r="AP58" s="87"/>
    </row>
    <row r="59" spans="2:42" ht="14.25" customHeight="1" x14ac:dyDescent="0.15">
      <c r="B59" s="434" t="s">
        <v>67</v>
      </c>
      <c r="C59" s="434"/>
      <c r="D59" s="434"/>
      <c r="E59" s="434"/>
      <c r="F59" s="434"/>
      <c r="G59" s="434"/>
      <c r="H59" s="434"/>
      <c r="I59" s="434"/>
      <c r="J59" s="434"/>
      <c r="K59" s="435"/>
      <c r="L59" s="436"/>
      <c r="M59" s="437"/>
      <c r="N59" s="437"/>
      <c r="O59" s="437"/>
      <c r="P59" s="437"/>
      <c r="Q59" s="437"/>
      <c r="R59" s="437"/>
      <c r="S59" s="437"/>
      <c r="T59" s="437"/>
      <c r="U59" s="437"/>
      <c r="V59" s="437"/>
      <c r="W59" s="437"/>
      <c r="X59" s="437"/>
      <c r="Y59" s="437"/>
      <c r="Z59" s="437"/>
      <c r="AA59" s="437"/>
      <c r="AB59" s="437"/>
      <c r="AC59" s="437"/>
      <c r="AD59" s="437"/>
      <c r="AE59" s="437"/>
      <c r="AF59" s="437"/>
      <c r="AG59" s="437"/>
      <c r="AH59" s="437"/>
      <c r="AI59" s="437"/>
      <c r="AJ59" s="437"/>
      <c r="AK59" s="437"/>
      <c r="AL59" s="437"/>
      <c r="AM59" s="437"/>
      <c r="AN59" s="438"/>
      <c r="AP59" s="87"/>
    </row>
    <row r="60" spans="2:42" ht="14.25" customHeight="1" x14ac:dyDescent="0.15">
      <c r="B60" s="422" t="s">
        <v>21</v>
      </c>
      <c r="C60" s="422"/>
      <c r="D60" s="422"/>
      <c r="E60" s="422"/>
      <c r="F60" s="422"/>
      <c r="G60" s="422"/>
      <c r="H60" s="422"/>
      <c r="I60" s="422"/>
      <c r="J60" s="422"/>
      <c r="K60" s="422"/>
      <c r="L60" s="115"/>
      <c r="M60" s="116"/>
      <c r="N60" s="116"/>
      <c r="O60" s="116"/>
      <c r="P60" s="116"/>
      <c r="Q60" s="116"/>
      <c r="R60" s="117"/>
      <c r="S60" s="117"/>
      <c r="T60" s="117"/>
      <c r="U60" s="118"/>
      <c r="V60" s="205" t="s">
        <v>0</v>
      </c>
      <c r="W60" s="90"/>
      <c r="X60" s="90"/>
      <c r="Y60" s="90"/>
      <c r="Z60" s="90"/>
      <c r="AA60" s="90"/>
      <c r="AB60" s="101"/>
      <c r="AC60" s="101"/>
      <c r="AD60" s="101"/>
      <c r="AE60" s="102"/>
      <c r="AF60" s="102"/>
      <c r="AG60" s="102"/>
      <c r="AH60" s="102"/>
      <c r="AI60" s="102"/>
      <c r="AJ60" s="200"/>
      <c r="AK60" s="102"/>
      <c r="AL60" s="102"/>
      <c r="AM60" s="102"/>
      <c r="AN60" s="100"/>
      <c r="AP60" s="87"/>
    </row>
    <row r="61" spans="2:42" ht="14.25" customHeight="1" x14ac:dyDescent="0.15">
      <c r="B61" s="431" t="s">
        <v>52</v>
      </c>
      <c r="C61" s="432"/>
      <c r="D61" s="432"/>
      <c r="E61" s="432"/>
      <c r="F61" s="432"/>
      <c r="G61" s="432"/>
      <c r="H61" s="432"/>
      <c r="I61" s="432"/>
      <c r="J61" s="432"/>
      <c r="K61" s="433"/>
      <c r="L61" s="439"/>
      <c r="M61" s="440"/>
      <c r="N61" s="440"/>
      <c r="O61" s="440"/>
      <c r="P61" s="440"/>
      <c r="Q61" s="440"/>
      <c r="R61" s="440"/>
      <c r="S61" s="440"/>
      <c r="T61" s="440"/>
      <c r="U61" s="440"/>
      <c r="V61" s="440"/>
      <c r="W61" s="440"/>
      <c r="X61" s="440"/>
      <c r="Y61" s="440"/>
      <c r="Z61" s="440"/>
      <c r="AA61" s="440"/>
      <c r="AB61" s="440"/>
      <c r="AC61" s="440"/>
      <c r="AD61" s="440"/>
      <c r="AE61" s="440"/>
      <c r="AF61" s="440"/>
      <c r="AG61" s="440"/>
      <c r="AH61" s="440"/>
      <c r="AI61" s="440"/>
      <c r="AJ61" s="440"/>
      <c r="AK61" s="440"/>
      <c r="AL61" s="440"/>
      <c r="AM61" s="440"/>
      <c r="AN61" s="441"/>
      <c r="AP61" s="87"/>
    </row>
    <row r="62" spans="2:42" ht="14.25" customHeight="1" x14ac:dyDescent="0.15">
      <c r="B62" s="423" t="s">
        <v>43</v>
      </c>
      <c r="C62" s="424"/>
      <c r="D62" s="424"/>
      <c r="E62" s="424"/>
      <c r="F62" s="424"/>
      <c r="G62" s="424"/>
      <c r="H62" s="424"/>
      <c r="I62" s="424"/>
      <c r="J62" s="424"/>
      <c r="K62" s="424"/>
      <c r="L62" s="424"/>
      <c r="M62" s="424"/>
      <c r="N62" s="424"/>
      <c r="O62" s="106"/>
      <c r="P62" s="104"/>
      <c r="Q62" s="105"/>
      <c r="R62" s="105"/>
      <c r="S62" s="105"/>
      <c r="T62" s="105"/>
      <c r="U62" s="86"/>
      <c r="V62" s="205"/>
      <c r="W62" s="90"/>
      <c r="X62" s="90"/>
      <c r="Y62" s="90"/>
      <c r="Z62" s="90"/>
      <c r="AA62" s="90"/>
      <c r="AB62" s="101"/>
      <c r="AC62" s="101"/>
      <c r="AD62" s="101"/>
      <c r="AE62" s="102"/>
      <c r="AF62" s="102"/>
      <c r="AG62" s="102"/>
      <c r="AH62" s="102"/>
      <c r="AI62" s="102"/>
      <c r="AJ62" s="200"/>
      <c r="AK62" s="102"/>
      <c r="AL62" s="102"/>
      <c r="AM62" s="102"/>
      <c r="AN62" s="100"/>
      <c r="AP62" s="87"/>
    </row>
    <row r="63" spans="2:42" ht="14.25" customHeight="1" x14ac:dyDescent="0.15">
      <c r="B63" s="425" t="s">
        <v>22</v>
      </c>
      <c r="C63" s="426" t="s">
        <v>117</v>
      </c>
      <c r="D63" s="427"/>
      <c r="E63" s="427"/>
      <c r="F63" s="427"/>
      <c r="G63" s="427"/>
      <c r="H63" s="427"/>
      <c r="I63" s="427"/>
      <c r="J63" s="427"/>
      <c r="K63" s="427"/>
      <c r="L63" s="427"/>
      <c r="M63" s="427"/>
      <c r="N63" s="427"/>
      <c r="O63" s="427"/>
      <c r="P63" s="427"/>
      <c r="Q63" s="427"/>
      <c r="R63" s="427"/>
      <c r="S63" s="427"/>
      <c r="T63" s="428"/>
      <c r="U63" s="426" t="s">
        <v>36</v>
      </c>
      <c r="V63" s="429"/>
      <c r="W63" s="429"/>
      <c r="X63" s="429"/>
      <c r="Y63" s="429"/>
      <c r="Z63" s="429"/>
      <c r="AA63" s="429"/>
      <c r="AB63" s="429"/>
      <c r="AC63" s="429"/>
      <c r="AD63" s="429"/>
      <c r="AE63" s="429"/>
      <c r="AF63" s="429"/>
      <c r="AG63" s="429"/>
      <c r="AH63" s="429"/>
      <c r="AI63" s="429"/>
      <c r="AJ63" s="429"/>
      <c r="AK63" s="429"/>
      <c r="AL63" s="429"/>
      <c r="AM63" s="429"/>
      <c r="AN63" s="430"/>
      <c r="AP63" s="87"/>
    </row>
    <row r="64" spans="2:42" x14ac:dyDescent="0.15">
      <c r="B64" s="398"/>
      <c r="C64" s="376"/>
      <c r="D64" s="377"/>
      <c r="E64" s="377"/>
      <c r="F64" s="377"/>
      <c r="G64" s="377"/>
      <c r="H64" s="377"/>
      <c r="I64" s="377"/>
      <c r="J64" s="377"/>
      <c r="K64" s="377"/>
      <c r="L64" s="377"/>
      <c r="M64" s="377"/>
      <c r="N64" s="377"/>
      <c r="O64" s="377"/>
      <c r="P64" s="377"/>
      <c r="Q64" s="377"/>
      <c r="R64" s="377"/>
      <c r="S64" s="377"/>
      <c r="T64" s="388"/>
      <c r="U64" s="376"/>
      <c r="V64" s="377"/>
      <c r="W64" s="377"/>
      <c r="X64" s="377"/>
      <c r="Y64" s="377"/>
      <c r="Z64" s="377"/>
      <c r="AA64" s="377"/>
      <c r="AB64" s="377"/>
      <c r="AC64" s="377"/>
      <c r="AD64" s="377"/>
      <c r="AE64" s="377"/>
      <c r="AF64" s="377"/>
      <c r="AG64" s="377"/>
      <c r="AH64" s="377"/>
      <c r="AI64" s="377"/>
      <c r="AJ64" s="377"/>
      <c r="AK64" s="377"/>
      <c r="AL64" s="377"/>
      <c r="AM64" s="377"/>
      <c r="AN64" s="388"/>
      <c r="AP64" s="87"/>
    </row>
    <row r="65" spans="2:43" x14ac:dyDescent="0.15">
      <c r="B65" s="398"/>
      <c r="C65" s="378"/>
      <c r="D65" s="379"/>
      <c r="E65" s="379"/>
      <c r="F65" s="379"/>
      <c r="G65" s="379"/>
      <c r="H65" s="379"/>
      <c r="I65" s="379"/>
      <c r="J65" s="379"/>
      <c r="K65" s="379"/>
      <c r="L65" s="379"/>
      <c r="M65" s="379"/>
      <c r="N65" s="379"/>
      <c r="O65" s="379"/>
      <c r="P65" s="379"/>
      <c r="Q65" s="379"/>
      <c r="R65" s="379"/>
      <c r="S65" s="379"/>
      <c r="T65" s="389"/>
      <c r="U65" s="378"/>
      <c r="V65" s="379"/>
      <c r="W65" s="379"/>
      <c r="X65" s="379"/>
      <c r="Y65" s="379"/>
      <c r="Z65" s="379"/>
      <c r="AA65" s="379"/>
      <c r="AB65" s="379"/>
      <c r="AC65" s="379"/>
      <c r="AD65" s="379"/>
      <c r="AE65" s="379"/>
      <c r="AF65" s="379"/>
      <c r="AG65" s="379"/>
      <c r="AH65" s="379"/>
      <c r="AI65" s="379"/>
      <c r="AJ65" s="379"/>
      <c r="AK65" s="379"/>
      <c r="AL65" s="379"/>
      <c r="AM65" s="379"/>
      <c r="AN65" s="389"/>
      <c r="AP65" s="87"/>
    </row>
    <row r="66" spans="2:43" x14ac:dyDescent="0.15">
      <c r="B66" s="398"/>
      <c r="C66" s="378"/>
      <c r="D66" s="379"/>
      <c r="E66" s="379"/>
      <c r="F66" s="379"/>
      <c r="G66" s="379"/>
      <c r="H66" s="379"/>
      <c r="I66" s="379"/>
      <c r="J66" s="379"/>
      <c r="K66" s="379"/>
      <c r="L66" s="379"/>
      <c r="M66" s="379"/>
      <c r="N66" s="379"/>
      <c r="O66" s="379"/>
      <c r="P66" s="379"/>
      <c r="Q66" s="379"/>
      <c r="R66" s="379"/>
      <c r="S66" s="379"/>
      <c r="T66" s="389"/>
      <c r="U66" s="378"/>
      <c r="V66" s="379"/>
      <c r="W66" s="379"/>
      <c r="X66" s="379"/>
      <c r="Y66" s="379"/>
      <c r="Z66" s="379"/>
      <c r="AA66" s="379"/>
      <c r="AB66" s="379"/>
      <c r="AC66" s="379"/>
      <c r="AD66" s="379"/>
      <c r="AE66" s="379"/>
      <c r="AF66" s="379"/>
      <c r="AG66" s="379"/>
      <c r="AH66" s="379"/>
      <c r="AI66" s="379"/>
      <c r="AJ66" s="379"/>
      <c r="AK66" s="379"/>
      <c r="AL66" s="379"/>
      <c r="AM66" s="379"/>
      <c r="AN66" s="389"/>
      <c r="AP66" s="87"/>
    </row>
    <row r="67" spans="2:43" x14ac:dyDescent="0.15">
      <c r="B67" s="399"/>
      <c r="C67" s="390"/>
      <c r="D67" s="391"/>
      <c r="E67" s="391"/>
      <c r="F67" s="391"/>
      <c r="G67" s="391"/>
      <c r="H67" s="391"/>
      <c r="I67" s="391"/>
      <c r="J67" s="391"/>
      <c r="K67" s="391"/>
      <c r="L67" s="391"/>
      <c r="M67" s="391"/>
      <c r="N67" s="391"/>
      <c r="O67" s="391"/>
      <c r="P67" s="391"/>
      <c r="Q67" s="391"/>
      <c r="R67" s="391"/>
      <c r="S67" s="391"/>
      <c r="T67" s="392"/>
      <c r="U67" s="390"/>
      <c r="V67" s="391"/>
      <c r="W67" s="391"/>
      <c r="X67" s="391"/>
      <c r="Y67" s="391"/>
      <c r="Z67" s="391"/>
      <c r="AA67" s="391"/>
      <c r="AB67" s="391"/>
      <c r="AC67" s="391"/>
      <c r="AD67" s="391"/>
      <c r="AE67" s="391"/>
      <c r="AF67" s="391"/>
      <c r="AG67" s="391"/>
      <c r="AH67" s="391"/>
      <c r="AI67" s="391"/>
      <c r="AJ67" s="391"/>
      <c r="AK67" s="391"/>
      <c r="AL67" s="391"/>
      <c r="AM67" s="391"/>
      <c r="AN67" s="392"/>
      <c r="AP67" s="87"/>
    </row>
    <row r="68" spans="2:43" ht="14.25" customHeight="1" x14ac:dyDescent="0.15">
      <c r="B68" s="401" t="s">
        <v>23</v>
      </c>
      <c r="C68" s="402"/>
      <c r="D68" s="402"/>
      <c r="E68" s="402"/>
      <c r="F68" s="403"/>
      <c r="G68" s="422" t="s">
        <v>24</v>
      </c>
      <c r="H68" s="422"/>
      <c r="I68" s="422"/>
      <c r="J68" s="422"/>
      <c r="K68" s="422"/>
      <c r="L68" s="422"/>
      <c r="M68" s="422"/>
      <c r="N68" s="422"/>
      <c r="O68" s="422"/>
      <c r="P68" s="422"/>
      <c r="Q68" s="422"/>
      <c r="R68" s="422"/>
      <c r="S68" s="422"/>
      <c r="T68" s="422"/>
      <c r="U68" s="422"/>
      <c r="V68" s="422"/>
      <c r="W68" s="422"/>
      <c r="X68" s="422"/>
      <c r="Y68" s="422"/>
      <c r="Z68" s="422"/>
      <c r="AA68" s="422"/>
      <c r="AB68" s="422"/>
      <c r="AC68" s="422"/>
      <c r="AD68" s="422"/>
      <c r="AE68" s="422"/>
      <c r="AF68" s="422"/>
      <c r="AG68" s="422"/>
      <c r="AH68" s="422"/>
      <c r="AI68" s="422"/>
      <c r="AJ68" s="422"/>
      <c r="AK68" s="422"/>
      <c r="AL68" s="422"/>
      <c r="AM68" s="422"/>
      <c r="AN68" s="422"/>
      <c r="AP68" s="87"/>
    </row>
    <row r="70" spans="2:43" x14ac:dyDescent="0.15">
      <c r="B70" s="91" t="s">
        <v>55</v>
      </c>
    </row>
    <row r="71" spans="2:43" x14ac:dyDescent="0.15">
      <c r="B71" s="91" t="s">
        <v>107</v>
      </c>
    </row>
    <row r="72" spans="2:43" x14ac:dyDescent="0.15">
      <c r="B72" s="91" t="s">
        <v>108</v>
      </c>
    </row>
    <row r="73" spans="2:43" x14ac:dyDescent="0.15">
      <c r="B73" s="91" t="s">
        <v>123</v>
      </c>
    </row>
    <row r="74" spans="2:43" x14ac:dyDescent="0.15">
      <c r="B74" s="91" t="s">
        <v>118</v>
      </c>
    </row>
    <row r="75" spans="2:43" x14ac:dyDescent="0.15">
      <c r="B75" s="91" t="s">
        <v>178</v>
      </c>
    </row>
    <row r="76" spans="2:43" x14ac:dyDescent="0.15">
      <c r="B76" s="91" t="s">
        <v>136</v>
      </c>
      <c r="AP76" s="87"/>
      <c r="AQ76" s="91"/>
    </row>
    <row r="77" spans="2:43" x14ac:dyDescent="0.15">
      <c r="B77" s="91"/>
      <c r="E77" s="87" t="s">
        <v>134</v>
      </c>
      <c r="AP77" s="87"/>
      <c r="AQ77" s="91"/>
    </row>
    <row r="78" spans="2:43" x14ac:dyDescent="0.15">
      <c r="B78" s="91" t="s">
        <v>124</v>
      </c>
    </row>
    <row r="79" spans="2:43" x14ac:dyDescent="0.15">
      <c r="B79" s="91" t="s">
        <v>132</v>
      </c>
    </row>
    <row r="80" spans="2:43" x14ac:dyDescent="0.15">
      <c r="B80" s="91" t="s">
        <v>133</v>
      </c>
    </row>
    <row r="94" spans="2:2" ht="12.75" customHeight="1" x14ac:dyDescent="0.15">
      <c r="B94" s="119"/>
    </row>
    <row r="95" spans="2:2" ht="12.75" customHeight="1" x14ac:dyDescent="0.15">
      <c r="B95" s="119" t="s">
        <v>38</v>
      </c>
    </row>
    <row r="96" spans="2:2" ht="12.75" customHeight="1" x14ac:dyDescent="0.15">
      <c r="B96" s="119" t="s">
        <v>25</v>
      </c>
    </row>
    <row r="97" spans="2:2" ht="12.75" customHeight="1" x14ac:dyDescent="0.15">
      <c r="B97" s="119" t="s">
        <v>29</v>
      </c>
    </row>
    <row r="98" spans="2:2" ht="12.75" customHeight="1" x14ac:dyDescent="0.15">
      <c r="B98" s="119" t="s">
        <v>39</v>
      </c>
    </row>
    <row r="99" spans="2:2" ht="12.75" customHeight="1" x14ac:dyDescent="0.15">
      <c r="B99" s="119" t="s">
        <v>30</v>
      </c>
    </row>
    <row r="100" spans="2:2" ht="12.75" customHeight="1" x14ac:dyDescent="0.15">
      <c r="B100" s="119" t="s">
        <v>40</v>
      </c>
    </row>
    <row r="101" spans="2:2" ht="12.75" customHeight="1" x14ac:dyDescent="0.15">
      <c r="B101" s="119" t="s">
        <v>41</v>
      </c>
    </row>
    <row r="102" spans="2:2" ht="12.75" customHeight="1" x14ac:dyDescent="0.15">
      <c r="B102" s="119" t="s">
        <v>42</v>
      </c>
    </row>
    <row r="103" spans="2:2" ht="12.75" customHeight="1" x14ac:dyDescent="0.15"/>
    <row r="104" spans="2:2" ht="12.75" customHeight="1" x14ac:dyDescent="0.15"/>
    <row r="105" spans="2:2" ht="12.75" customHeight="1" x14ac:dyDescent="0.15"/>
    <row r="106" spans="2:2" ht="12.75" customHeight="1" x14ac:dyDescent="0.15"/>
    <row r="107" spans="2:2" ht="12.75" customHeight="1" x14ac:dyDescent="0.15"/>
    <row r="108" spans="2:2" ht="12.75" customHeight="1" x14ac:dyDescent="0.15"/>
    <row r="109" spans="2:2" ht="12.75" customHeight="1" x14ac:dyDescent="0.15"/>
    <row r="110" spans="2:2" ht="12.75" customHeight="1" x14ac:dyDescent="0.15"/>
    <row r="111" spans="2:2" ht="12.75" customHeight="1" x14ac:dyDescent="0.15"/>
    <row r="112" spans="2: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row r="131" ht="12.75" customHeight="1" x14ac:dyDescent="0.15"/>
    <row r="132" ht="12.75" customHeight="1" x14ac:dyDescent="0.15"/>
    <row r="133" ht="12.75" customHeight="1" x14ac:dyDescent="0.15"/>
    <row r="134" ht="12.75" customHeight="1" x14ac:dyDescent="0.15"/>
    <row r="135" ht="12.75" customHeight="1" x14ac:dyDescent="0.15"/>
    <row r="136" ht="12.75" customHeight="1" x14ac:dyDescent="0.15"/>
    <row r="137" ht="12.75" customHeight="1" x14ac:dyDescent="0.15"/>
    <row r="138" ht="12.75" customHeight="1" x14ac:dyDescent="0.15"/>
    <row r="139" ht="12.75" customHeight="1" x14ac:dyDescent="0.15"/>
    <row r="140" ht="12.75" customHeight="1" x14ac:dyDescent="0.15"/>
  </sheetData>
  <mergeCells count="267">
    <mergeCell ref="O57:Q57"/>
    <mergeCell ref="S57:T57"/>
    <mergeCell ref="V57:W57"/>
    <mergeCell ref="Y57:Z57"/>
    <mergeCell ref="AA57:AD57"/>
    <mergeCell ref="AE57:AH57"/>
    <mergeCell ref="S54:T54"/>
    <mergeCell ref="V54:W54"/>
    <mergeCell ref="Y54:Z54"/>
    <mergeCell ref="AA54:AD54"/>
    <mergeCell ref="AE54:AH54"/>
    <mergeCell ref="AJ54:AK54"/>
    <mergeCell ref="AM54:AN54"/>
    <mergeCell ref="M55:N55"/>
    <mergeCell ref="O55:Q55"/>
    <mergeCell ref="S55:T55"/>
    <mergeCell ref="V55:W55"/>
    <mergeCell ref="Y55:Z55"/>
    <mergeCell ref="AA55:AD55"/>
    <mergeCell ref="AE55:AH55"/>
    <mergeCell ref="AJ55:AK55"/>
    <mergeCell ref="AM55:AN55"/>
    <mergeCell ref="M54:N54"/>
    <mergeCell ref="O54:Q54"/>
    <mergeCell ref="S52:T52"/>
    <mergeCell ref="V52:W52"/>
    <mergeCell ref="Y52:Z52"/>
    <mergeCell ref="AA52:AD52"/>
    <mergeCell ref="AE52:AH52"/>
    <mergeCell ref="AJ52:AK52"/>
    <mergeCell ref="AM52:AN52"/>
    <mergeCell ref="M53:N53"/>
    <mergeCell ref="O53:Q53"/>
    <mergeCell ref="S53:T53"/>
    <mergeCell ref="V53:W53"/>
    <mergeCell ref="Y53:Z53"/>
    <mergeCell ref="AA53:AD53"/>
    <mergeCell ref="AE53:AH53"/>
    <mergeCell ref="AJ53:AK53"/>
    <mergeCell ref="AM53:AN53"/>
    <mergeCell ref="V50:W50"/>
    <mergeCell ref="Y50:Z50"/>
    <mergeCell ref="AA50:AD50"/>
    <mergeCell ref="AE50:AH50"/>
    <mergeCell ref="AJ50:AK50"/>
    <mergeCell ref="AM50:AN50"/>
    <mergeCell ref="M51:N51"/>
    <mergeCell ref="O51:Q51"/>
    <mergeCell ref="S51:T51"/>
    <mergeCell ref="V51:W51"/>
    <mergeCell ref="Y51:Z51"/>
    <mergeCell ref="AA51:AD51"/>
    <mergeCell ref="AE51:AH51"/>
    <mergeCell ref="AJ51:AK51"/>
    <mergeCell ref="AM51:AN51"/>
    <mergeCell ref="M48:N48"/>
    <mergeCell ref="O48:Q48"/>
    <mergeCell ref="S48:T48"/>
    <mergeCell ref="V48:W48"/>
    <mergeCell ref="Y48:Z48"/>
    <mergeCell ref="AA48:AD48"/>
    <mergeCell ref="AE48:AH48"/>
    <mergeCell ref="AJ48:AK48"/>
    <mergeCell ref="AM48:AN48"/>
    <mergeCell ref="M47:N47"/>
    <mergeCell ref="O47:Q47"/>
    <mergeCell ref="S47:T47"/>
    <mergeCell ref="V47:W47"/>
    <mergeCell ref="Y47:Z47"/>
    <mergeCell ref="AA47:AD47"/>
    <mergeCell ref="AE47:AH47"/>
    <mergeCell ref="AJ47:AK47"/>
    <mergeCell ref="AM47:AN47"/>
    <mergeCell ref="M46:N46"/>
    <mergeCell ref="O46:Q46"/>
    <mergeCell ref="S46:T46"/>
    <mergeCell ref="V46:W46"/>
    <mergeCell ref="Y46:Z46"/>
    <mergeCell ref="AA46:AD46"/>
    <mergeCell ref="AE46:AH46"/>
    <mergeCell ref="AJ46:AK46"/>
    <mergeCell ref="AM46:AN46"/>
    <mergeCell ref="AA44:AD44"/>
    <mergeCell ref="AE44:AH44"/>
    <mergeCell ref="AJ44:AK44"/>
    <mergeCell ref="AM44:AN44"/>
    <mergeCell ref="M45:N45"/>
    <mergeCell ref="O45:Q45"/>
    <mergeCell ref="S45:T45"/>
    <mergeCell ref="V45:W45"/>
    <mergeCell ref="Y45:Z45"/>
    <mergeCell ref="AA45:AD45"/>
    <mergeCell ref="AE45:AH45"/>
    <mergeCell ref="AJ45:AK45"/>
    <mergeCell ref="AM45:AN45"/>
    <mergeCell ref="C36:L36"/>
    <mergeCell ref="M36:Q36"/>
    <mergeCell ref="R36:AA36"/>
    <mergeCell ref="AG36:AN36"/>
    <mergeCell ref="C37:L37"/>
    <mergeCell ref="M37:AN37"/>
    <mergeCell ref="C38:L40"/>
    <mergeCell ref="M38:P38"/>
    <mergeCell ref="Q38:S38"/>
    <mergeCell ref="U38:W38"/>
    <mergeCell ref="Y38:AN38"/>
    <mergeCell ref="M39:P39"/>
    <mergeCell ref="R39:U39"/>
    <mergeCell ref="V39:W39"/>
    <mergeCell ref="X39:AN39"/>
    <mergeCell ref="M40:AN40"/>
    <mergeCell ref="M31:AN31"/>
    <mergeCell ref="C32:L32"/>
    <mergeCell ref="M32:Q32"/>
    <mergeCell ref="R32:AA32"/>
    <mergeCell ref="AG32:AN32"/>
    <mergeCell ref="C33:L35"/>
    <mergeCell ref="M33:P33"/>
    <mergeCell ref="Q33:S33"/>
    <mergeCell ref="U33:W33"/>
    <mergeCell ref="Y33:AN33"/>
    <mergeCell ref="M34:P34"/>
    <mergeCell ref="R34:U34"/>
    <mergeCell ref="V34:W34"/>
    <mergeCell ref="X34:AN34"/>
    <mergeCell ref="M35:AN35"/>
    <mergeCell ref="AB32:AF32"/>
    <mergeCell ref="U24:W24"/>
    <mergeCell ref="Y24:AN24"/>
    <mergeCell ref="M25:P25"/>
    <mergeCell ref="R25:U25"/>
    <mergeCell ref="V25:W25"/>
    <mergeCell ref="X25:AN25"/>
    <mergeCell ref="M26:AN26"/>
    <mergeCell ref="C27:L27"/>
    <mergeCell ref="M27:AN27"/>
    <mergeCell ref="V19:W19"/>
    <mergeCell ref="X19:AN19"/>
    <mergeCell ref="M20:AN20"/>
    <mergeCell ref="AG21:AN21"/>
    <mergeCell ref="C22:L22"/>
    <mergeCell ref="M22:U22"/>
    <mergeCell ref="V22:AA22"/>
    <mergeCell ref="AB22:AN22"/>
    <mergeCell ref="C21:L21"/>
    <mergeCell ref="M21:Q21"/>
    <mergeCell ref="R21:AA21"/>
    <mergeCell ref="AB3:AF3"/>
    <mergeCell ref="AG3:AN3"/>
    <mergeCell ref="B5:AN5"/>
    <mergeCell ref="B6:AN6"/>
    <mergeCell ref="B16:B26"/>
    <mergeCell ref="AB23:AF23"/>
    <mergeCell ref="AB21:AF21"/>
    <mergeCell ref="AE42:AH42"/>
    <mergeCell ref="AI42:AN42"/>
    <mergeCell ref="AF7:AG7"/>
    <mergeCell ref="AI7:AJ7"/>
    <mergeCell ref="AL7:AM7"/>
    <mergeCell ref="AB13:AN13"/>
    <mergeCell ref="C16:L16"/>
    <mergeCell ref="M16:AN16"/>
    <mergeCell ref="C17:L17"/>
    <mergeCell ref="M17:AN17"/>
    <mergeCell ref="C18:L20"/>
    <mergeCell ref="M18:P18"/>
    <mergeCell ref="Q18:S18"/>
    <mergeCell ref="U18:W18"/>
    <mergeCell ref="Y18:AN18"/>
    <mergeCell ref="M19:P19"/>
    <mergeCell ref="R19:U19"/>
    <mergeCell ref="B68:F68"/>
    <mergeCell ref="G68:AN68"/>
    <mergeCell ref="B62:N62"/>
    <mergeCell ref="B63:B67"/>
    <mergeCell ref="C63:T63"/>
    <mergeCell ref="U63:AN63"/>
    <mergeCell ref="C64:T67"/>
    <mergeCell ref="E55:L55"/>
    <mergeCell ref="C57:L57"/>
    <mergeCell ref="AI57:AN57"/>
    <mergeCell ref="B58:K58"/>
    <mergeCell ref="B59:K59"/>
    <mergeCell ref="B60:K60"/>
    <mergeCell ref="B61:K61"/>
    <mergeCell ref="L59:AN59"/>
    <mergeCell ref="L61:AN61"/>
    <mergeCell ref="M56:N56"/>
    <mergeCell ref="O56:Q56"/>
    <mergeCell ref="S56:T56"/>
    <mergeCell ref="V56:W56"/>
    <mergeCell ref="Y56:Z56"/>
    <mergeCell ref="AA56:AD56"/>
    <mergeCell ref="AE56:AH56"/>
    <mergeCell ref="M57:N57"/>
    <mergeCell ref="E54:L54"/>
    <mergeCell ref="B41:B55"/>
    <mergeCell ref="U64:AN67"/>
    <mergeCell ref="C56:L56"/>
    <mergeCell ref="AI56:AN56"/>
    <mergeCell ref="C43:C55"/>
    <mergeCell ref="C23:L23"/>
    <mergeCell ref="M23:Q23"/>
    <mergeCell ref="R23:AA23"/>
    <mergeCell ref="AG23:AN23"/>
    <mergeCell ref="E47:L47"/>
    <mergeCell ref="E45:L45"/>
    <mergeCell ref="E44:L44"/>
    <mergeCell ref="AI41:AN41"/>
    <mergeCell ref="E48:L48"/>
    <mergeCell ref="B27:B40"/>
    <mergeCell ref="E52:L52"/>
    <mergeCell ref="E46:L46"/>
    <mergeCell ref="R41:Z42"/>
    <mergeCell ref="AA41:AD41"/>
    <mergeCell ref="AE41:AH41"/>
    <mergeCell ref="AB36:AF36"/>
    <mergeCell ref="S49:T49"/>
    <mergeCell ref="V49:W49"/>
    <mergeCell ref="Y49:Z49"/>
    <mergeCell ref="AA49:AD49"/>
    <mergeCell ref="AE49:AH49"/>
    <mergeCell ref="AJ49:AK49"/>
    <mergeCell ref="AM49:AN49"/>
    <mergeCell ref="S50:T50"/>
    <mergeCell ref="E43:L43"/>
    <mergeCell ref="C41:L42"/>
    <mergeCell ref="M41:N42"/>
    <mergeCell ref="E50:L50"/>
    <mergeCell ref="S43:T43"/>
    <mergeCell ref="V43:W43"/>
    <mergeCell ref="Y43:Z43"/>
    <mergeCell ref="AA43:AD43"/>
    <mergeCell ref="AE43:AH43"/>
    <mergeCell ref="O43:Q43"/>
    <mergeCell ref="M43:N43"/>
    <mergeCell ref="AJ43:AK43"/>
    <mergeCell ref="AM43:AN43"/>
    <mergeCell ref="M44:N44"/>
    <mergeCell ref="O44:Q44"/>
    <mergeCell ref="S44:T44"/>
    <mergeCell ref="V44:W44"/>
    <mergeCell ref="Y44:Z44"/>
    <mergeCell ref="B8:K8"/>
    <mergeCell ref="E51:L51"/>
    <mergeCell ref="E53:L53"/>
    <mergeCell ref="E49:L49"/>
    <mergeCell ref="M49:N49"/>
    <mergeCell ref="O49:Q49"/>
    <mergeCell ref="M50:N50"/>
    <mergeCell ref="O50:Q50"/>
    <mergeCell ref="M52:N52"/>
    <mergeCell ref="O52:Q52"/>
    <mergeCell ref="C24:L26"/>
    <mergeCell ref="M24:P24"/>
    <mergeCell ref="Q24:S24"/>
    <mergeCell ref="C28:L28"/>
    <mergeCell ref="M28:AN28"/>
    <mergeCell ref="C29:L31"/>
    <mergeCell ref="M29:P29"/>
    <mergeCell ref="Q29:S29"/>
    <mergeCell ref="U29:W29"/>
    <mergeCell ref="Y29:AN29"/>
    <mergeCell ref="M30:P30"/>
    <mergeCell ref="R30:U30"/>
    <mergeCell ref="V30:W30"/>
    <mergeCell ref="X30:AN30"/>
  </mergeCells>
  <phoneticPr fontId="2"/>
  <dataValidations count="2">
    <dataValidation type="list" allowBlank="1" showInputMessage="1" showErrorMessage="1" sqref="R43:R57 U43:U57 X43:X57 AI43:AI55 AL43:AL55">
      <formula1>"□,■"</formula1>
    </dataValidation>
    <dataValidation type="list" allowBlank="1" showInputMessage="1" showErrorMessage="1" sqref="M43:N57">
      <formula1>"○"</formula1>
    </dataValidation>
  </dataValidations>
  <printOptions horizontalCentered="1"/>
  <pageMargins left="0.23622047244094491" right="0.23622047244094491" top="0.74803149606299213" bottom="0.74803149606299213" header="0.31496062992125984" footer="0.31496062992125984"/>
  <pageSetup paperSize="9" scale="69" orientation="portrait" r:id="rId1"/>
  <headerFooter alignWithMargins="0"/>
  <rowBreaks count="1" manualBreakCount="1">
    <brk id="42" max="40" man="1"/>
  </rowBreaks>
  <colBreaks count="1" manualBreakCount="1">
    <brk id="26" max="81"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B2:AJ63"/>
  <sheetViews>
    <sheetView view="pageBreakPreview" zoomScaleNormal="100" zoomScaleSheetLayoutView="100" workbookViewId="0">
      <selection activeCell="P36" sqref="P36"/>
    </sheetView>
  </sheetViews>
  <sheetFormatPr defaultColWidth="4" defaultRowHeight="13.5" x14ac:dyDescent="0.15"/>
  <cols>
    <col min="1" max="1" width="2.875" style="215" customWidth="1"/>
    <col min="2" max="2" width="2.375" style="215" customWidth="1"/>
    <col min="3" max="21" width="3.625" style="215" customWidth="1"/>
    <col min="22" max="22" width="2.875" style="215" customWidth="1"/>
    <col min="23" max="23" width="3.625" style="215" customWidth="1"/>
    <col min="24" max="27" width="3.25" style="215" customWidth="1"/>
    <col min="28" max="28" width="3.75" style="215" customWidth="1"/>
    <col min="29" max="29" width="0.875" style="215" customWidth="1"/>
    <col min="30" max="16384" width="4" style="215"/>
  </cols>
  <sheetData>
    <row r="2" spans="2:31" x14ac:dyDescent="0.15">
      <c r="B2" s="215" t="s">
        <v>179</v>
      </c>
    </row>
    <row r="3" spans="2:31" x14ac:dyDescent="0.15">
      <c r="Q3" s="92"/>
      <c r="R3" s="217"/>
      <c r="S3" s="217" t="s">
        <v>169</v>
      </c>
      <c r="T3" s="340"/>
      <c r="U3" s="340"/>
      <c r="V3" s="216" t="s">
        <v>37</v>
      </c>
      <c r="W3" s="340"/>
      <c r="X3" s="340"/>
      <c r="Y3" s="216" t="s">
        <v>180</v>
      </c>
      <c r="Z3" s="340"/>
      <c r="AA3" s="340"/>
      <c r="AB3" s="216" t="s">
        <v>181</v>
      </c>
    </row>
    <row r="4" spans="2:31" x14ac:dyDescent="0.15">
      <c r="S4" s="92"/>
      <c r="T4" s="92"/>
      <c r="U4" s="92"/>
    </row>
    <row r="5" spans="2:31" x14ac:dyDescent="0.15">
      <c r="B5" s="340" t="s">
        <v>182</v>
      </c>
      <c r="C5" s="340"/>
      <c r="D5" s="340"/>
      <c r="E5" s="340"/>
      <c r="F5" s="340"/>
      <c r="G5" s="340"/>
      <c r="H5" s="340"/>
      <c r="I5" s="340"/>
      <c r="J5" s="340"/>
      <c r="K5" s="340"/>
      <c r="L5" s="340"/>
      <c r="M5" s="340"/>
      <c r="N5" s="340"/>
      <c r="O5" s="340"/>
      <c r="P5" s="340"/>
      <c r="Q5" s="340"/>
      <c r="R5" s="340"/>
      <c r="S5" s="340"/>
      <c r="T5" s="340"/>
      <c r="U5" s="340"/>
      <c r="V5" s="340"/>
      <c r="W5" s="340"/>
      <c r="X5" s="340"/>
      <c r="Y5" s="340"/>
      <c r="Z5" s="340"/>
      <c r="AA5" s="340"/>
      <c r="AB5" s="340"/>
    </row>
    <row r="7" spans="2:31" ht="23.25" customHeight="1" x14ac:dyDescent="0.15">
      <c r="B7" s="323" t="s">
        <v>183</v>
      </c>
      <c r="C7" s="324"/>
      <c r="D7" s="324"/>
      <c r="E7" s="324"/>
      <c r="F7" s="325"/>
      <c r="G7" s="435"/>
      <c r="H7" s="464"/>
      <c r="I7" s="464"/>
      <c r="J7" s="464"/>
      <c r="K7" s="464"/>
      <c r="L7" s="464"/>
      <c r="M7" s="464"/>
      <c r="N7" s="464"/>
      <c r="O7" s="464"/>
      <c r="P7" s="464"/>
      <c r="Q7" s="464"/>
      <c r="R7" s="464"/>
      <c r="S7" s="464"/>
      <c r="T7" s="464"/>
      <c r="U7" s="464"/>
      <c r="V7" s="464"/>
      <c r="W7" s="464"/>
      <c r="X7" s="464"/>
      <c r="Y7" s="464"/>
      <c r="Z7" s="464"/>
      <c r="AA7" s="464"/>
      <c r="AB7" s="465"/>
    </row>
    <row r="8" spans="2:31" ht="23.25" customHeight="1" x14ac:dyDescent="0.15">
      <c r="B8" s="323" t="s">
        <v>184</v>
      </c>
      <c r="C8" s="324"/>
      <c r="D8" s="324"/>
      <c r="E8" s="324"/>
      <c r="F8" s="325"/>
      <c r="G8" s="220" t="s">
        <v>161</v>
      </c>
      <c r="H8" s="221" t="s">
        <v>185</v>
      </c>
      <c r="I8" s="221"/>
      <c r="J8" s="221"/>
      <c r="K8" s="221"/>
      <c r="L8" s="222" t="s">
        <v>161</v>
      </c>
      <c r="M8" s="221" t="s">
        <v>186</v>
      </c>
      <c r="N8" s="221"/>
      <c r="O8" s="221"/>
      <c r="P8" s="221"/>
      <c r="Q8" s="223" t="s">
        <v>161</v>
      </c>
      <c r="R8" s="221" t="s">
        <v>187</v>
      </c>
      <c r="S8" s="221"/>
      <c r="T8" s="221"/>
      <c r="U8" s="221"/>
      <c r="V8" s="207"/>
      <c r="W8" s="207"/>
      <c r="X8" s="207"/>
      <c r="Y8" s="207"/>
      <c r="Z8" s="207"/>
      <c r="AA8" s="207"/>
      <c r="AB8" s="208"/>
    </row>
    <row r="9" spans="2:31" ht="23.25" customHeight="1" x14ac:dyDescent="0.15">
      <c r="B9" s="316" t="s">
        <v>188</v>
      </c>
      <c r="C9" s="317"/>
      <c r="D9" s="317"/>
      <c r="E9" s="317"/>
      <c r="F9" s="318"/>
      <c r="G9" s="222" t="s">
        <v>161</v>
      </c>
      <c r="H9" s="133" t="s">
        <v>189</v>
      </c>
      <c r="I9" s="133"/>
      <c r="J9" s="133"/>
      <c r="K9" s="133"/>
      <c r="L9" s="133"/>
      <c r="M9" s="133"/>
      <c r="N9" s="133"/>
      <c r="O9" s="133"/>
      <c r="P9" s="133"/>
      <c r="Q9" s="222" t="s">
        <v>161</v>
      </c>
      <c r="R9" s="133" t="s">
        <v>190</v>
      </c>
      <c r="S9" s="224"/>
      <c r="T9" s="97"/>
      <c r="U9" s="97"/>
      <c r="V9" s="209"/>
      <c r="W9" s="209"/>
      <c r="X9" s="209"/>
      <c r="Y9" s="209"/>
      <c r="Z9" s="209"/>
      <c r="AA9" s="209"/>
      <c r="AB9" s="210"/>
    </row>
    <row r="10" spans="2:31" ht="23.25" customHeight="1" x14ac:dyDescent="0.15">
      <c r="B10" s="319"/>
      <c r="C10" s="320"/>
      <c r="D10" s="320"/>
      <c r="E10" s="320"/>
      <c r="F10" s="321"/>
      <c r="G10" s="225" t="s">
        <v>161</v>
      </c>
      <c r="H10" s="214" t="s">
        <v>191</v>
      </c>
      <c r="I10" s="214"/>
      <c r="J10" s="214"/>
      <c r="K10" s="214"/>
      <c r="L10" s="214"/>
      <c r="M10" s="214"/>
      <c r="N10" s="214"/>
      <c r="O10" s="214"/>
      <c r="P10" s="214"/>
      <c r="Q10" s="226" t="s">
        <v>161</v>
      </c>
      <c r="R10" s="214" t="s">
        <v>192</v>
      </c>
      <c r="S10" s="227"/>
      <c r="T10" s="89"/>
      <c r="U10" s="89"/>
      <c r="V10" s="212"/>
      <c r="W10" s="212"/>
      <c r="X10" s="212"/>
      <c r="Y10" s="212"/>
      <c r="Z10" s="212"/>
      <c r="AA10" s="212"/>
      <c r="AB10" s="213"/>
    </row>
    <row r="12" spans="2:31" x14ac:dyDescent="0.15">
      <c r="B12" s="132"/>
      <c r="C12" s="133"/>
      <c r="D12" s="133"/>
      <c r="E12" s="133"/>
      <c r="F12" s="133"/>
      <c r="G12" s="133"/>
      <c r="H12" s="133"/>
      <c r="I12" s="133"/>
      <c r="J12" s="133"/>
      <c r="K12" s="133"/>
      <c r="L12" s="133"/>
      <c r="M12" s="133"/>
      <c r="N12" s="133"/>
      <c r="O12" s="133"/>
      <c r="P12" s="133"/>
      <c r="Q12" s="133"/>
      <c r="R12" s="133"/>
      <c r="S12" s="133"/>
      <c r="T12" s="133"/>
      <c r="U12" s="133"/>
      <c r="V12" s="133"/>
      <c r="W12" s="133"/>
      <c r="X12" s="132"/>
      <c r="Y12" s="133"/>
      <c r="Z12" s="133"/>
      <c r="AA12" s="133"/>
      <c r="AB12" s="134"/>
    </row>
    <row r="13" spans="2:31" x14ac:dyDescent="0.15">
      <c r="B13" s="145" t="s">
        <v>193</v>
      </c>
      <c r="C13" s="206"/>
      <c r="D13" s="206"/>
      <c r="E13" s="206"/>
      <c r="F13" s="206"/>
      <c r="G13" s="206"/>
      <c r="H13" s="206"/>
      <c r="I13" s="206"/>
      <c r="J13" s="206"/>
      <c r="K13" s="206"/>
      <c r="L13" s="206"/>
      <c r="M13" s="206"/>
      <c r="N13" s="206"/>
      <c r="O13" s="206"/>
      <c r="P13" s="206"/>
      <c r="Q13" s="206"/>
      <c r="R13" s="206"/>
      <c r="S13" s="206"/>
      <c r="T13" s="206"/>
      <c r="U13" s="206"/>
      <c r="V13" s="206"/>
      <c r="W13" s="206"/>
      <c r="X13" s="145"/>
      <c r="Y13" s="228" t="s">
        <v>194</v>
      </c>
      <c r="Z13" s="228" t="s">
        <v>195</v>
      </c>
      <c r="AA13" s="228" t="s">
        <v>196</v>
      </c>
      <c r="AB13" s="146"/>
    </row>
    <row r="14" spans="2:31" ht="6" customHeight="1" x14ac:dyDescent="0.15">
      <c r="B14" s="145"/>
      <c r="C14" s="206"/>
      <c r="D14" s="206"/>
      <c r="E14" s="206"/>
      <c r="F14" s="206"/>
      <c r="G14" s="206"/>
      <c r="H14" s="206"/>
      <c r="I14" s="206"/>
      <c r="J14" s="206"/>
      <c r="K14" s="206"/>
      <c r="L14" s="206"/>
      <c r="M14" s="206"/>
      <c r="N14" s="206"/>
      <c r="O14" s="206"/>
      <c r="P14" s="206"/>
      <c r="Q14" s="206"/>
      <c r="R14" s="206"/>
      <c r="S14" s="206"/>
      <c r="T14" s="206"/>
      <c r="U14" s="206"/>
      <c r="V14" s="206"/>
      <c r="W14" s="206"/>
      <c r="X14" s="145"/>
      <c r="Y14" s="206"/>
      <c r="Z14" s="206"/>
      <c r="AA14" s="206"/>
      <c r="AB14" s="146"/>
    </row>
    <row r="15" spans="2:31" ht="13.5" customHeight="1" x14ac:dyDescent="0.15">
      <c r="B15" s="145"/>
      <c r="C15" s="206" t="s">
        <v>197</v>
      </c>
      <c r="D15" s="206"/>
      <c r="E15" s="206"/>
      <c r="F15" s="206"/>
      <c r="G15" s="206"/>
      <c r="H15" s="206"/>
      <c r="I15" s="206"/>
      <c r="J15" s="206"/>
      <c r="K15" s="206"/>
      <c r="L15" s="206"/>
      <c r="M15" s="206"/>
      <c r="N15" s="206"/>
      <c r="O15" s="206"/>
      <c r="P15" s="206"/>
      <c r="Q15" s="206"/>
      <c r="R15" s="206"/>
      <c r="S15" s="206"/>
      <c r="T15" s="206"/>
      <c r="U15" s="206"/>
      <c r="V15" s="206"/>
      <c r="W15" s="206"/>
      <c r="X15" s="164"/>
      <c r="Y15" s="222" t="s">
        <v>161</v>
      </c>
      <c r="Z15" s="222" t="s">
        <v>198</v>
      </c>
      <c r="AA15" s="222" t="s">
        <v>161</v>
      </c>
      <c r="AB15" s="121"/>
      <c r="AC15" s="206"/>
      <c r="AD15" s="206"/>
      <c r="AE15" s="206"/>
    </row>
    <row r="16" spans="2:31" x14ac:dyDescent="0.15">
      <c r="B16" s="145"/>
      <c r="C16" s="206" t="s">
        <v>199</v>
      </c>
      <c r="D16" s="206"/>
      <c r="E16" s="206"/>
      <c r="F16" s="206"/>
      <c r="G16" s="206"/>
      <c r="H16" s="206"/>
      <c r="I16" s="206"/>
      <c r="J16" s="206"/>
      <c r="K16" s="206"/>
      <c r="L16" s="206"/>
      <c r="M16" s="206"/>
      <c r="N16" s="206"/>
      <c r="O16" s="206"/>
      <c r="P16" s="206"/>
      <c r="Q16" s="206"/>
      <c r="R16" s="206"/>
      <c r="S16" s="206"/>
      <c r="T16" s="206"/>
      <c r="U16" s="206"/>
      <c r="V16" s="206"/>
      <c r="W16" s="206"/>
      <c r="X16" s="164"/>
      <c r="Y16" s="125"/>
      <c r="Z16" s="125"/>
      <c r="AA16" s="125"/>
      <c r="AB16" s="121"/>
      <c r="AC16" s="206"/>
      <c r="AD16" s="206"/>
      <c r="AE16" s="206"/>
    </row>
    <row r="17" spans="2:31" ht="13.5" customHeight="1" x14ac:dyDescent="0.15">
      <c r="B17" s="145"/>
      <c r="C17" s="206" t="s">
        <v>200</v>
      </c>
      <c r="D17" s="206"/>
      <c r="E17" s="206"/>
      <c r="F17" s="206"/>
      <c r="G17" s="206"/>
      <c r="H17" s="206"/>
      <c r="I17" s="206"/>
      <c r="J17" s="206"/>
      <c r="K17" s="206"/>
      <c r="L17" s="206"/>
      <c r="M17" s="206"/>
      <c r="N17" s="206"/>
      <c r="O17" s="206"/>
      <c r="P17" s="206"/>
      <c r="Q17" s="206"/>
      <c r="R17" s="206"/>
      <c r="S17" s="206"/>
      <c r="T17" s="206"/>
      <c r="U17" s="206"/>
      <c r="V17" s="206"/>
      <c r="W17" s="206"/>
      <c r="X17" s="164"/>
      <c r="Y17" s="222" t="s">
        <v>161</v>
      </c>
      <c r="Z17" s="222" t="s">
        <v>198</v>
      </c>
      <c r="AA17" s="222" t="s">
        <v>161</v>
      </c>
      <c r="AB17" s="121"/>
      <c r="AC17" s="206"/>
      <c r="AD17" s="206"/>
      <c r="AE17" s="206"/>
    </row>
    <row r="18" spans="2:31" x14ac:dyDescent="0.15">
      <c r="B18" s="145"/>
      <c r="C18" s="206" t="s">
        <v>201</v>
      </c>
      <c r="D18" s="206"/>
      <c r="E18" s="206"/>
      <c r="F18" s="206"/>
      <c r="G18" s="206"/>
      <c r="H18" s="206"/>
      <c r="I18" s="206"/>
      <c r="J18" s="206"/>
      <c r="K18" s="206"/>
      <c r="L18" s="206"/>
      <c r="M18" s="206"/>
      <c r="N18" s="206"/>
      <c r="O18" s="206"/>
      <c r="P18" s="206"/>
      <c r="Q18" s="206"/>
      <c r="R18" s="206"/>
      <c r="S18" s="206"/>
      <c r="T18" s="206"/>
      <c r="U18" s="206"/>
      <c r="V18" s="206"/>
      <c r="W18" s="206"/>
      <c r="X18" s="164"/>
      <c r="Y18" s="125"/>
      <c r="Z18" s="125"/>
      <c r="AA18" s="125"/>
      <c r="AB18" s="121"/>
      <c r="AC18" s="206"/>
      <c r="AD18" s="206"/>
      <c r="AE18" s="206"/>
    </row>
    <row r="19" spans="2:31" x14ac:dyDescent="0.15">
      <c r="B19" s="145"/>
      <c r="C19" s="206" t="s">
        <v>202</v>
      </c>
      <c r="D19" s="206"/>
      <c r="E19" s="206"/>
      <c r="F19" s="206"/>
      <c r="G19" s="206"/>
      <c r="H19" s="206"/>
      <c r="I19" s="206"/>
      <c r="J19" s="206"/>
      <c r="K19" s="206"/>
      <c r="L19" s="206"/>
      <c r="M19" s="206"/>
      <c r="N19" s="206"/>
      <c r="O19" s="206"/>
      <c r="P19" s="206"/>
      <c r="Q19" s="206"/>
      <c r="R19" s="206"/>
      <c r="S19" s="206"/>
      <c r="T19" s="206"/>
      <c r="U19" s="206"/>
      <c r="V19" s="206"/>
      <c r="W19" s="206"/>
      <c r="X19" s="164"/>
      <c r="Y19" s="222" t="s">
        <v>161</v>
      </c>
      <c r="Z19" s="222" t="s">
        <v>198</v>
      </c>
      <c r="AA19" s="222" t="s">
        <v>161</v>
      </c>
      <c r="AB19" s="121"/>
      <c r="AC19" s="206"/>
      <c r="AD19" s="206"/>
      <c r="AE19" s="206"/>
    </row>
    <row r="20" spans="2:31" ht="13.5" customHeight="1" x14ac:dyDescent="0.15">
      <c r="B20" s="145"/>
      <c r="C20" s="206" t="s">
        <v>203</v>
      </c>
      <c r="D20" s="206"/>
      <c r="E20" s="206"/>
      <c r="F20" s="206"/>
      <c r="G20" s="206"/>
      <c r="H20" s="206"/>
      <c r="I20" s="206"/>
      <c r="J20" s="206"/>
      <c r="K20" s="206"/>
      <c r="L20" s="206"/>
      <c r="M20" s="206"/>
      <c r="N20" s="206"/>
      <c r="O20" s="206"/>
      <c r="P20" s="206"/>
      <c r="Q20" s="206"/>
      <c r="R20" s="206"/>
      <c r="S20" s="206"/>
      <c r="T20" s="206"/>
      <c r="U20" s="206"/>
      <c r="V20" s="206"/>
      <c r="W20" s="206"/>
      <c r="X20" s="164"/>
      <c r="Y20" s="222" t="s">
        <v>161</v>
      </c>
      <c r="Z20" s="222" t="s">
        <v>198</v>
      </c>
      <c r="AA20" s="222" t="s">
        <v>161</v>
      </c>
      <c r="AB20" s="121"/>
      <c r="AC20" s="206"/>
      <c r="AD20" s="206"/>
      <c r="AE20" s="206"/>
    </row>
    <row r="21" spans="2:31" x14ac:dyDescent="0.15">
      <c r="B21" s="145"/>
      <c r="C21" s="206" t="s">
        <v>204</v>
      </c>
      <c r="D21" s="206"/>
      <c r="E21" s="206"/>
      <c r="F21" s="206"/>
      <c r="G21" s="206"/>
      <c r="H21" s="206"/>
      <c r="I21" s="206"/>
      <c r="J21" s="206"/>
      <c r="K21" s="206"/>
      <c r="L21" s="206"/>
      <c r="M21" s="206"/>
      <c r="N21" s="206"/>
      <c r="O21" s="206"/>
      <c r="P21" s="206"/>
      <c r="Q21" s="206"/>
      <c r="R21" s="206"/>
      <c r="S21" s="206"/>
      <c r="T21" s="206"/>
      <c r="U21" s="206"/>
      <c r="V21" s="206"/>
      <c r="W21" s="206"/>
      <c r="X21" s="164"/>
      <c r="Y21" s="125"/>
      <c r="Z21" s="125"/>
      <c r="AA21" s="125"/>
      <c r="AB21" s="121"/>
      <c r="AC21" s="206"/>
      <c r="AD21" s="206"/>
      <c r="AE21" s="206"/>
    </row>
    <row r="22" spans="2:31" x14ac:dyDescent="0.15">
      <c r="B22" s="145"/>
      <c r="C22" s="206" t="s">
        <v>205</v>
      </c>
      <c r="D22" s="206"/>
      <c r="E22" s="206"/>
      <c r="F22" s="206"/>
      <c r="G22" s="206"/>
      <c r="H22" s="206"/>
      <c r="I22" s="206"/>
      <c r="J22" s="206"/>
      <c r="K22" s="206"/>
      <c r="L22" s="206"/>
      <c r="M22" s="206"/>
      <c r="N22" s="206"/>
      <c r="O22" s="206"/>
      <c r="P22" s="206"/>
      <c r="Q22" s="206"/>
      <c r="R22" s="206"/>
      <c r="S22" s="206"/>
      <c r="T22" s="206"/>
      <c r="U22" s="206"/>
      <c r="V22" s="206"/>
      <c r="W22" s="206"/>
      <c r="X22" s="164"/>
      <c r="Y22" s="222" t="s">
        <v>161</v>
      </c>
      <c r="Z22" s="222" t="s">
        <v>198</v>
      </c>
      <c r="AA22" s="222" t="s">
        <v>161</v>
      </c>
      <c r="AB22" s="121"/>
      <c r="AC22" s="206"/>
      <c r="AD22" s="206"/>
      <c r="AE22" s="206"/>
    </row>
    <row r="23" spans="2:31" x14ac:dyDescent="0.15">
      <c r="B23" s="145"/>
      <c r="C23" s="206" t="s">
        <v>206</v>
      </c>
      <c r="D23" s="206"/>
      <c r="E23" s="206"/>
      <c r="F23" s="206"/>
      <c r="G23" s="206"/>
      <c r="H23" s="206"/>
      <c r="I23" s="206"/>
      <c r="J23" s="206"/>
      <c r="K23" s="206"/>
      <c r="L23" s="206"/>
      <c r="M23" s="206"/>
      <c r="N23" s="206"/>
      <c r="O23" s="206"/>
      <c r="P23" s="206"/>
      <c r="Q23" s="206"/>
      <c r="R23" s="206"/>
      <c r="S23" s="206"/>
      <c r="T23" s="206"/>
      <c r="U23" s="206"/>
      <c r="V23" s="206"/>
      <c r="W23" s="206"/>
      <c r="X23" s="164"/>
      <c r="Y23" s="222" t="s">
        <v>161</v>
      </c>
      <c r="Z23" s="222" t="s">
        <v>198</v>
      </c>
      <c r="AA23" s="222" t="s">
        <v>161</v>
      </c>
      <c r="AB23" s="121"/>
      <c r="AC23" s="206"/>
      <c r="AD23" s="206"/>
      <c r="AE23" s="206"/>
    </row>
    <row r="24" spans="2:31" x14ac:dyDescent="0.15">
      <c r="B24" s="145"/>
      <c r="C24" s="206"/>
      <c r="D24" s="206"/>
      <c r="E24" s="206"/>
      <c r="F24" s="206"/>
      <c r="G24" s="206"/>
      <c r="H24" s="206"/>
      <c r="I24" s="206"/>
      <c r="J24" s="206"/>
      <c r="K24" s="206"/>
      <c r="L24" s="206"/>
      <c r="M24" s="206"/>
      <c r="N24" s="206"/>
      <c r="O24" s="206"/>
      <c r="P24" s="206"/>
      <c r="Q24" s="206"/>
      <c r="R24" s="206"/>
      <c r="S24" s="206"/>
      <c r="T24" s="206"/>
      <c r="U24" s="206"/>
      <c r="V24" s="206"/>
      <c r="W24" s="206"/>
      <c r="X24" s="229"/>
      <c r="Y24" s="124"/>
      <c r="Z24" s="124"/>
      <c r="AA24" s="124"/>
      <c r="AB24" s="163"/>
      <c r="AC24" s="206"/>
      <c r="AD24" s="206"/>
      <c r="AE24" s="206"/>
    </row>
    <row r="25" spans="2:31" x14ac:dyDescent="0.15">
      <c r="B25" s="145" t="s">
        <v>207</v>
      </c>
      <c r="C25" s="206"/>
      <c r="D25" s="206"/>
      <c r="E25" s="206"/>
      <c r="F25" s="206"/>
      <c r="G25" s="206"/>
      <c r="H25" s="206"/>
      <c r="I25" s="206"/>
      <c r="J25" s="206"/>
      <c r="K25" s="206"/>
      <c r="L25" s="206"/>
      <c r="M25" s="206"/>
      <c r="N25" s="206"/>
      <c r="O25" s="206"/>
      <c r="P25" s="206"/>
      <c r="Q25" s="206"/>
      <c r="R25" s="206"/>
      <c r="S25" s="206"/>
      <c r="T25" s="206"/>
      <c r="U25" s="206"/>
      <c r="V25" s="206"/>
      <c r="W25" s="206"/>
      <c r="X25" s="229"/>
      <c r="Y25" s="124"/>
      <c r="Z25" s="124"/>
      <c r="AA25" s="124"/>
      <c r="AB25" s="163"/>
      <c r="AC25" s="206"/>
      <c r="AD25" s="206"/>
      <c r="AE25" s="206"/>
    </row>
    <row r="26" spans="2:31" ht="6" customHeight="1" x14ac:dyDescent="0.15">
      <c r="B26" s="145"/>
      <c r="C26" s="206"/>
      <c r="D26" s="206"/>
      <c r="E26" s="206"/>
      <c r="F26" s="206"/>
      <c r="G26" s="206"/>
      <c r="H26" s="206"/>
      <c r="I26" s="206"/>
      <c r="J26" s="206"/>
      <c r="K26" s="206"/>
      <c r="L26" s="206"/>
      <c r="M26" s="206"/>
      <c r="N26" s="206"/>
      <c r="O26" s="206"/>
      <c r="P26" s="206"/>
      <c r="Q26" s="206"/>
      <c r="R26" s="206"/>
      <c r="S26" s="206"/>
      <c r="T26" s="206"/>
      <c r="U26" s="206"/>
      <c r="V26" s="206"/>
      <c r="W26" s="206"/>
      <c r="X26" s="229"/>
      <c r="Y26" s="124"/>
      <c r="Z26" s="124"/>
      <c r="AA26" s="124"/>
      <c r="AB26" s="163"/>
      <c r="AC26" s="206"/>
      <c r="AD26" s="206"/>
      <c r="AE26" s="206"/>
    </row>
    <row r="27" spans="2:31" x14ac:dyDescent="0.15">
      <c r="B27" s="145"/>
      <c r="C27" s="206" t="s">
        <v>208</v>
      </c>
      <c r="D27" s="206"/>
      <c r="E27" s="206"/>
      <c r="F27" s="206"/>
      <c r="G27" s="206"/>
      <c r="H27" s="206"/>
      <c r="I27" s="206"/>
      <c r="J27" s="206"/>
      <c r="K27" s="206"/>
      <c r="L27" s="206"/>
      <c r="M27" s="206"/>
      <c r="N27" s="206"/>
      <c r="O27" s="206"/>
      <c r="P27" s="206"/>
      <c r="Q27" s="206"/>
      <c r="R27" s="206"/>
      <c r="S27" s="206"/>
      <c r="T27" s="206"/>
      <c r="U27" s="206"/>
      <c r="V27" s="206"/>
      <c r="W27" s="206"/>
      <c r="X27" s="229"/>
      <c r="Y27" s="124"/>
      <c r="Z27" s="124"/>
      <c r="AA27" s="124"/>
      <c r="AB27" s="163"/>
      <c r="AC27" s="206"/>
      <c r="AD27" s="206"/>
      <c r="AE27" s="206"/>
    </row>
    <row r="28" spans="2:31" x14ac:dyDescent="0.15">
      <c r="B28" s="145"/>
      <c r="C28" s="206" t="s">
        <v>209</v>
      </c>
      <c r="D28" s="206"/>
      <c r="E28" s="206"/>
      <c r="F28" s="206"/>
      <c r="G28" s="206"/>
      <c r="H28" s="206"/>
      <c r="I28" s="206"/>
      <c r="J28" s="206"/>
      <c r="K28" s="206"/>
      <c r="L28" s="206"/>
      <c r="M28" s="206"/>
      <c r="N28" s="206"/>
      <c r="O28" s="206"/>
      <c r="P28" s="206"/>
      <c r="Q28" s="206"/>
      <c r="R28" s="206"/>
      <c r="S28" s="206"/>
      <c r="T28" s="206"/>
      <c r="U28" s="206"/>
      <c r="V28" s="206"/>
      <c r="W28" s="206"/>
      <c r="X28" s="229"/>
      <c r="Y28" s="124"/>
      <c r="Z28" s="124"/>
      <c r="AA28" s="124"/>
      <c r="AB28" s="163"/>
      <c r="AC28" s="206"/>
      <c r="AD28" s="206"/>
      <c r="AE28" s="206"/>
    </row>
    <row r="29" spans="2:31" x14ac:dyDescent="0.15">
      <c r="B29" s="145"/>
      <c r="C29" s="206" t="s">
        <v>210</v>
      </c>
      <c r="D29" s="206"/>
      <c r="E29" s="206"/>
      <c r="F29" s="206"/>
      <c r="G29" s="206"/>
      <c r="H29" s="206"/>
      <c r="I29" s="206"/>
      <c r="J29" s="206"/>
      <c r="K29" s="206"/>
      <c r="L29" s="206"/>
      <c r="M29" s="206"/>
      <c r="N29" s="206"/>
      <c r="O29" s="206"/>
      <c r="P29" s="206"/>
      <c r="Q29" s="206"/>
      <c r="R29" s="206"/>
      <c r="S29" s="206"/>
      <c r="T29" s="206"/>
      <c r="U29" s="206"/>
      <c r="V29" s="206"/>
      <c r="W29" s="206"/>
      <c r="X29" s="229"/>
      <c r="Y29" s="124"/>
      <c r="Z29" s="124"/>
      <c r="AA29" s="124"/>
      <c r="AB29" s="163"/>
      <c r="AC29" s="206"/>
      <c r="AD29" s="206"/>
      <c r="AE29" s="206"/>
    </row>
    <row r="30" spans="2:31" x14ac:dyDescent="0.15">
      <c r="B30" s="145"/>
      <c r="C30" s="193" t="s">
        <v>211</v>
      </c>
      <c r="D30" s="222" t="s">
        <v>161</v>
      </c>
      <c r="E30" s="469" t="s">
        <v>212</v>
      </c>
      <c r="F30" s="469"/>
      <c r="G30" s="222" t="s">
        <v>161</v>
      </c>
      <c r="H30" s="358" t="s">
        <v>213</v>
      </c>
      <c r="I30" s="358"/>
      <c r="J30" s="125" t="s">
        <v>214</v>
      </c>
      <c r="K30" s="125"/>
      <c r="L30" s="193"/>
      <c r="M30" s="193"/>
      <c r="N30" s="193"/>
      <c r="O30" s="206"/>
      <c r="P30" s="206"/>
      <c r="Q30" s="206"/>
      <c r="R30" s="206"/>
      <c r="S30" s="206"/>
      <c r="T30" s="206"/>
      <c r="U30" s="206"/>
      <c r="V30" s="206"/>
      <c r="W30" s="206"/>
      <c r="X30" s="229"/>
      <c r="Y30" s="124"/>
      <c r="Z30" s="124"/>
      <c r="AA30" s="124"/>
      <c r="AB30" s="163"/>
      <c r="AC30" s="206"/>
      <c r="AD30" s="206"/>
      <c r="AE30" s="206"/>
    </row>
    <row r="31" spans="2:31" x14ac:dyDescent="0.15">
      <c r="B31" s="145"/>
      <c r="C31" s="206" t="s">
        <v>215</v>
      </c>
      <c r="D31" s="206"/>
      <c r="E31" s="206"/>
      <c r="F31" s="206"/>
      <c r="G31" s="206"/>
      <c r="H31" s="206"/>
      <c r="I31" s="206"/>
      <c r="J31" s="206"/>
      <c r="K31" s="206"/>
      <c r="L31" s="206"/>
      <c r="M31" s="206"/>
      <c r="N31" s="206"/>
      <c r="O31" s="206"/>
      <c r="P31" s="206"/>
      <c r="Q31" s="206"/>
      <c r="R31" s="206"/>
      <c r="S31" s="206"/>
      <c r="T31" s="206"/>
      <c r="U31" s="206"/>
      <c r="V31" s="206"/>
      <c r="W31" s="206"/>
      <c r="X31" s="229"/>
      <c r="Y31" s="124"/>
      <c r="Z31" s="124"/>
      <c r="AA31" s="124"/>
      <c r="AB31" s="163"/>
      <c r="AC31" s="206"/>
      <c r="AD31" s="206"/>
      <c r="AE31" s="206"/>
    </row>
    <row r="32" spans="2:31" ht="4.5" customHeight="1" x14ac:dyDescent="0.15">
      <c r="B32" s="145"/>
      <c r="C32" s="206"/>
      <c r="D32" s="206"/>
      <c r="E32" s="206"/>
      <c r="F32" s="206"/>
      <c r="G32" s="206"/>
      <c r="H32" s="206"/>
      <c r="I32" s="206"/>
      <c r="J32" s="206"/>
      <c r="K32" s="206"/>
      <c r="L32" s="206"/>
      <c r="M32" s="206"/>
      <c r="N32" s="206"/>
      <c r="O32" s="206"/>
      <c r="P32" s="206"/>
      <c r="Q32" s="206"/>
      <c r="R32" s="206"/>
      <c r="S32" s="206"/>
      <c r="T32" s="206"/>
      <c r="U32" s="206"/>
      <c r="V32" s="206"/>
      <c r="W32" s="206"/>
      <c r="X32" s="229"/>
      <c r="Y32" s="124"/>
      <c r="Z32" s="124"/>
      <c r="AA32" s="124"/>
      <c r="AB32" s="163"/>
      <c r="AC32" s="206"/>
      <c r="AD32" s="206"/>
      <c r="AE32" s="206"/>
    </row>
    <row r="33" spans="2:36" ht="33.75" customHeight="1" x14ac:dyDescent="0.15">
      <c r="B33" s="145"/>
      <c r="C33" s="218"/>
      <c r="D33" s="323"/>
      <c r="E33" s="324"/>
      <c r="F33" s="324"/>
      <c r="G33" s="324"/>
      <c r="H33" s="324"/>
      <c r="I33" s="324"/>
      <c r="J33" s="324"/>
      <c r="K33" s="324"/>
      <c r="L33" s="324"/>
      <c r="M33" s="325"/>
      <c r="N33" s="401" t="s">
        <v>216</v>
      </c>
      <c r="O33" s="402"/>
      <c r="P33" s="403"/>
      <c r="Q33" s="206"/>
      <c r="R33" s="206"/>
      <c r="S33" s="206"/>
      <c r="T33" s="206"/>
      <c r="U33" s="206"/>
      <c r="V33" s="206"/>
      <c r="W33" s="206"/>
      <c r="X33" s="229"/>
      <c r="Y33" s="228" t="s">
        <v>194</v>
      </c>
      <c r="Z33" s="228" t="s">
        <v>195</v>
      </c>
      <c r="AA33" s="228" t="s">
        <v>196</v>
      </c>
      <c r="AB33" s="163"/>
      <c r="AC33" s="206"/>
      <c r="AD33" s="206"/>
      <c r="AE33" s="206"/>
    </row>
    <row r="34" spans="2:36" ht="27.75" customHeight="1" x14ac:dyDescent="0.15">
      <c r="B34" s="145"/>
      <c r="C34" s="230" t="s">
        <v>217</v>
      </c>
      <c r="D34" s="470" t="s">
        <v>218</v>
      </c>
      <c r="E34" s="470"/>
      <c r="F34" s="470"/>
      <c r="G34" s="470"/>
      <c r="H34" s="470"/>
      <c r="I34" s="470"/>
      <c r="J34" s="470"/>
      <c r="K34" s="470"/>
      <c r="L34" s="470"/>
      <c r="M34" s="470"/>
      <c r="N34" s="323"/>
      <c r="O34" s="324"/>
      <c r="P34" s="208" t="s">
        <v>219</v>
      </c>
      <c r="Q34" s="206"/>
      <c r="R34" s="206"/>
      <c r="S34" s="206"/>
      <c r="T34" s="206"/>
      <c r="U34" s="206"/>
      <c r="V34" s="206"/>
      <c r="W34" s="206"/>
      <c r="X34" s="164"/>
      <c r="Y34" s="222" t="s">
        <v>161</v>
      </c>
      <c r="Z34" s="222" t="s">
        <v>220</v>
      </c>
      <c r="AA34" s="222" t="s">
        <v>161</v>
      </c>
      <c r="AB34" s="121"/>
      <c r="AC34" s="206"/>
      <c r="AD34" s="206"/>
      <c r="AE34" s="206"/>
      <c r="AJ34" s="125"/>
    </row>
    <row r="35" spans="2:36" ht="40.5" customHeight="1" x14ac:dyDescent="0.15">
      <c r="B35" s="145"/>
      <c r="C35" s="230" t="s">
        <v>221</v>
      </c>
      <c r="D35" s="471" t="s">
        <v>222</v>
      </c>
      <c r="E35" s="470"/>
      <c r="F35" s="470"/>
      <c r="G35" s="470"/>
      <c r="H35" s="470"/>
      <c r="I35" s="470"/>
      <c r="J35" s="470"/>
      <c r="K35" s="470"/>
      <c r="L35" s="470"/>
      <c r="M35" s="470"/>
      <c r="N35" s="323"/>
      <c r="O35" s="324"/>
      <c r="P35" s="208" t="s">
        <v>219</v>
      </c>
      <c r="Q35" s="206" t="s">
        <v>223</v>
      </c>
      <c r="R35" s="358" t="s">
        <v>224</v>
      </c>
      <c r="S35" s="358"/>
      <c r="T35" s="358"/>
      <c r="U35" s="358"/>
      <c r="V35" s="358"/>
      <c r="W35" s="206"/>
      <c r="X35" s="164"/>
      <c r="Y35" s="222" t="s">
        <v>161</v>
      </c>
      <c r="Z35" s="222" t="s">
        <v>220</v>
      </c>
      <c r="AA35" s="222" t="s">
        <v>161</v>
      </c>
      <c r="AB35" s="121"/>
      <c r="AC35" s="206"/>
      <c r="AD35" s="206"/>
      <c r="AE35" s="206"/>
      <c r="AJ35" s="125"/>
    </row>
    <row r="36" spans="2:36" ht="62.25" customHeight="1" x14ac:dyDescent="0.15">
      <c r="B36" s="145"/>
      <c r="C36" s="230" t="s">
        <v>225</v>
      </c>
      <c r="D36" s="466" t="s">
        <v>226</v>
      </c>
      <c r="E36" s="467"/>
      <c r="F36" s="467"/>
      <c r="G36" s="467"/>
      <c r="H36" s="467"/>
      <c r="I36" s="467"/>
      <c r="J36" s="467"/>
      <c r="K36" s="467"/>
      <c r="L36" s="467"/>
      <c r="M36" s="468"/>
      <c r="N36" s="323"/>
      <c r="O36" s="324"/>
      <c r="P36" s="208" t="s">
        <v>219</v>
      </c>
      <c r="Q36" s="206" t="s">
        <v>223</v>
      </c>
      <c r="R36" s="358" t="s">
        <v>227</v>
      </c>
      <c r="S36" s="358"/>
      <c r="T36" s="358"/>
      <c r="U36" s="358"/>
      <c r="V36" s="358"/>
      <c r="W36" s="206"/>
      <c r="X36" s="164"/>
      <c r="Y36" s="222" t="s">
        <v>161</v>
      </c>
      <c r="Z36" s="222" t="s">
        <v>220</v>
      </c>
      <c r="AA36" s="222" t="s">
        <v>161</v>
      </c>
      <c r="AB36" s="121"/>
      <c r="AC36" s="206"/>
      <c r="AD36" s="206"/>
      <c r="AE36" s="206"/>
      <c r="AJ36" s="193"/>
    </row>
    <row r="37" spans="2:36" x14ac:dyDescent="0.15">
      <c r="B37" s="145"/>
      <c r="C37" s="206"/>
      <c r="D37" s="206"/>
      <c r="E37" s="206"/>
      <c r="F37" s="206"/>
      <c r="G37" s="206"/>
      <c r="H37" s="206"/>
      <c r="I37" s="206"/>
      <c r="J37" s="206"/>
      <c r="K37" s="206"/>
      <c r="L37" s="206"/>
      <c r="M37" s="206"/>
      <c r="N37" s="206"/>
      <c r="O37" s="206"/>
      <c r="P37" s="206"/>
      <c r="Q37" s="206"/>
      <c r="R37" s="206"/>
      <c r="S37" s="206"/>
      <c r="T37" s="206"/>
      <c r="U37" s="206"/>
      <c r="V37" s="206"/>
      <c r="W37" s="206"/>
      <c r="X37" s="229"/>
      <c r="Y37" s="124"/>
      <c r="Z37" s="124"/>
      <c r="AA37" s="124"/>
      <c r="AB37" s="163"/>
      <c r="AC37" s="206"/>
      <c r="AD37" s="206"/>
      <c r="AE37" s="206"/>
    </row>
    <row r="38" spans="2:36" x14ac:dyDescent="0.15">
      <c r="B38" s="145"/>
      <c r="C38" s="206" t="s">
        <v>228</v>
      </c>
      <c r="D38" s="206"/>
      <c r="E38" s="206"/>
      <c r="F38" s="206"/>
      <c r="G38" s="206"/>
      <c r="H38" s="206"/>
      <c r="I38" s="206"/>
      <c r="J38" s="206"/>
      <c r="L38" s="125"/>
      <c r="M38" s="125"/>
      <c r="N38" s="125"/>
      <c r="Q38" s="125"/>
      <c r="R38" s="125"/>
      <c r="S38" s="125"/>
      <c r="T38" s="125"/>
      <c r="U38" s="125"/>
      <c r="V38" s="125"/>
      <c r="W38" s="125"/>
      <c r="X38" s="472"/>
      <c r="Y38" s="473"/>
      <c r="Z38" s="473"/>
      <c r="AA38" s="473"/>
      <c r="AB38" s="474"/>
      <c r="AC38" s="206"/>
      <c r="AD38" s="206"/>
      <c r="AE38" s="206"/>
    </row>
    <row r="39" spans="2:36" ht="8.25" customHeight="1" x14ac:dyDescent="0.15">
      <c r="B39" s="145"/>
      <c r="C39" s="206"/>
      <c r="D39" s="206"/>
      <c r="E39" s="206"/>
      <c r="F39" s="206"/>
      <c r="G39" s="206"/>
      <c r="H39" s="206"/>
      <c r="I39" s="206"/>
      <c r="J39" s="206"/>
      <c r="L39" s="125"/>
      <c r="M39" s="125"/>
      <c r="N39" s="125"/>
      <c r="Q39" s="125"/>
      <c r="R39" s="125"/>
      <c r="S39" s="125"/>
      <c r="T39" s="125"/>
      <c r="U39" s="125"/>
      <c r="V39" s="125"/>
      <c r="W39" s="125"/>
      <c r="X39" s="229"/>
      <c r="Y39" s="124"/>
      <c r="Z39" s="124"/>
      <c r="AA39" s="124"/>
      <c r="AB39" s="163"/>
      <c r="AC39" s="206"/>
      <c r="AD39" s="206"/>
      <c r="AE39" s="206"/>
    </row>
    <row r="40" spans="2:36" ht="18.75" customHeight="1" x14ac:dyDescent="0.15">
      <c r="B40" s="145"/>
      <c r="C40" s="323"/>
      <c r="D40" s="324"/>
      <c r="E40" s="324"/>
      <c r="F40" s="324"/>
      <c r="G40" s="324"/>
      <c r="H40" s="324"/>
      <c r="I40" s="324"/>
      <c r="J40" s="325"/>
      <c r="K40" s="323" t="s">
        <v>229</v>
      </c>
      <c r="L40" s="324"/>
      <c r="M40" s="324"/>
      <c r="N40" s="324"/>
      <c r="O40" s="324"/>
      <c r="P40" s="325"/>
      <c r="Q40" s="323" t="s">
        <v>230</v>
      </c>
      <c r="R40" s="324"/>
      <c r="S40" s="324"/>
      <c r="T40" s="324"/>
      <c r="U40" s="324"/>
      <c r="V40" s="325"/>
      <c r="W40" s="125"/>
      <c r="X40" s="229"/>
      <c r="Y40" s="124"/>
      <c r="Z40" s="124"/>
      <c r="AA40" s="124"/>
      <c r="AB40" s="163"/>
      <c r="AC40" s="206"/>
      <c r="AD40" s="206"/>
      <c r="AE40" s="206"/>
    </row>
    <row r="41" spans="2:36" ht="18.75" customHeight="1" x14ac:dyDescent="0.15">
      <c r="B41" s="145"/>
      <c r="C41" s="434" t="s">
        <v>231</v>
      </c>
      <c r="D41" s="434"/>
      <c r="E41" s="434"/>
      <c r="F41" s="434"/>
      <c r="G41" s="434"/>
      <c r="H41" s="434"/>
      <c r="I41" s="434" t="s">
        <v>232</v>
      </c>
      <c r="J41" s="434"/>
      <c r="K41" s="323"/>
      <c r="L41" s="324"/>
      <c r="M41" s="324"/>
      <c r="N41" s="324"/>
      <c r="O41" s="324"/>
      <c r="P41" s="231" t="s">
        <v>219</v>
      </c>
      <c r="Q41" s="475"/>
      <c r="R41" s="476"/>
      <c r="S41" s="476"/>
      <c r="T41" s="476"/>
      <c r="U41" s="476"/>
      <c r="V41" s="477"/>
      <c r="W41" s="125"/>
      <c r="X41" s="229"/>
      <c r="Y41" s="124"/>
      <c r="Z41" s="124"/>
      <c r="AA41" s="124"/>
      <c r="AB41" s="163"/>
      <c r="AC41" s="206"/>
      <c r="AD41" s="206"/>
      <c r="AE41" s="206"/>
    </row>
    <row r="42" spans="2:36" ht="18.75" customHeight="1" x14ac:dyDescent="0.15">
      <c r="B42" s="145"/>
      <c r="C42" s="434"/>
      <c r="D42" s="434"/>
      <c r="E42" s="434"/>
      <c r="F42" s="434"/>
      <c r="G42" s="434"/>
      <c r="H42" s="434"/>
      <c r="I42" s="434" t="s">
        <v>233</v>
      </c>
      <c r="J42" s="434"/>
      <c r="K42" s="323"/>
      <c r="L42" s="324"/>
      <c r="M42" s="324"/>
      <c r="N42" s="324"/>
      <c r="O42" s="324"/>
      <c r="P42" s="231" t="s">
        <v>219</v>
      </c>
      <c r="Q42" s="323"/>
      <c r="R42" s="324"/>
      <c r="S42" s="324"/>
      <c r="T42" s="324"/>
      <c r="U42" s="324"/>
      <c r="V42" s="231" t="s">
        <v>219</v>
      </c>
      <c r="W42" s="125"/>
      <c r="X42" s="229"/>
      <c r="Y42" s="124"/>
      <c r="Z42" s="124"/>
      <c r="AA42" s="124"/>
      <c r="AB42" s="163"/>
      <c r="AC42" s="206"/>
      <c r="AD42" s="206"/>
      <c r="AE42" s="206"/>
    </row>
    <row r="43" spans="2:36" x14ac:dyDescent="0.15">
      <c r="B43" s="145"/>
      <c r="C43" s="206"/>
      <c r="D43" s="206"/>
      <c r="E43" s="206"/>
      <c r="F43" s="206"/>
      <c r="G43" s="206"/>
      <c r="H43" s="206"/>
      <c r="I43" s="206"/>
      <c r="J43" s="206"/>
      <c r="K43" s="206"/>
      <c r="L43" s="206" t="s">
        <v>234</v>
      </c>
      <c r="M43" s="206"/>
      <c r="N43" s="206"/>
      <c r="O43" s="206"/>
      <c r="P43" s="206"/>
      <c r="Q43" s="206"/>
      <c r="R43" s="206"/>
      <c r="S43" s="206"/>
      <c r="T43" s="206"/>
      <c r="U43" s="206"/>
      <c r="V43" s="206"/>
      <c r="W43" s="206"/>
      <c r="X43" s="229"/>
      <c r="Y43" s="124"/>
      <c r="Z43" s="124"/>
      <c r="AA43" s="124"/>
      <c r="AB43" s="163"/>
      <c r="AC43" s="206"/>
      <c r="AD43" s="206"/>
      <c r="AE43" s="206"/>
    </row>
    <row r="44" spans="2:36" ht="13.5" customHeight="1" x14ac:dyDescent="0.15">
      <c r="B44" s="145"/>
      <c r="C44" s="469" t="s">
        <v>235</v>
      </c>
      <c r="D44" s="469"/>
      <c r="E44" s="469"/>
      <c r="F44" s="469"/>
      <c r="G44" s="469"/>
      <c r="H44" s="469"/>
      <c r="I44" s="469"/>
      <c r="J44" s="469"/>
      <c r="K44" s="469"/>
      <c r="L44" s="469"/>
      <c r="M44" s="469"/>
      <c r="N44" s="469"/>
      <c r="O44" s="469"/>
      <c r="P44" s="469"/>
      <c r="Q44" s="469"/>
      <c r="R44" s="469"/>
      <c r="S44" s="469"/>
      <c r="T44" s="469"/>
      <c r="U44" s="469"/>
      <c r="V44" s="469"/>
      <c r="W44" s="206"/>
      <c r="X44" s="164"/>
      <c r="Y44" s="222" t="s">
        <v>161</v>
      </c>
      <c r="Z44" s="222" t="s">
        <v>220</v>
      </c>
      <c r="AA44" s="222" t="s">
        <v>161</v>
      </c>
      <c r="AB44" s="121"/>
      <c r="AC44" s="206"/>
      <c r="AD44" s="206"/>
      <c r="AE44" s="206"/>
    </row>
    <row r="45" spans="2:36" x14ac:dyDescent="0.15">
      <c r="B45" s="145"/>
      <c r="C45" s="206" t="s">
        <v>236</v>
      </c>
      <c r="D45" s="206"/>
      <c r="E45" s="206"/>
      <c r="F45" s="206"/>
      <c r="G45" s="206"/>
      <c r="H45" s="206"/>
      <c r="I45" s="206"/>
      <c r="J45" s="206"/>
      <c r="K45" s="206"/>
      <c r="L45" s="206"/>
      <c r="M45" s="206"/>
      <c r="N45" s="206"/>
      <c r="O45" s="206"/>
      <c r="P45" s="206"/>
      <c r="Q45" s="206"/>
      <c r="R45" s="206"/>
      <c r="S45" s="206"/>
      <c r="T45" s="206"/>
      <c r="U45" s="206"/>
      <c r="V45" s="206"/>
      <c r="W45" s="206"/>
      <c r="X45" s="164"/>
      <c r="Y45" s="125"/>
      <c r="Z45" s="125"/>
      <c r="AA45" s="125"/>
      <c r="AB45" s="121"/>
      <c r="AC45" s="206"/>
      <c r="AD45" s="206"/>
      <c r="AE45" s="206"/>
    </row>
    <row r="46" spans="2:36" x14ac:dyDescent="0.15">
      <c r="B46" s="145"/>
      <c r="C46" s="206" t="s">
        <v>237</v>
      </c>
      <c r="D46" s="206"/>
      <c r="E46" s="206"/>
      <c r="F46" s="206"/>
      <c r="G46" s="206"/>
      <c r="H46" s="206"/>
      <c r="I46" s="206"/>
      <c r="J46" s="206"/>
      <c r="K46" s="206"/>
      <c r="L46" s="206"/>
      <c r="M46" s="206"/>
      <c r="N46" s="206"/>
      <c r="O46" s="206"/>
      <c r="P46" s="206"/>
      <c r="Q46" s="206"/>
      <c r="R46" s="206"/>
      <c r="S46" s="206"/>
      <c r="T46" s="206"/>
      <c r="U46" s="206"/>
      <c r="V46" s="206"/>
      <c r="W46" s="206"/>
      <c r="X46" s="229"/>
      <c r="Y46" s="124"/>
      <c r="Z46" s="124"/>
      <c r="AA46" s="124"/>
      <c r="AB46" s="163"/>
      <c r="AC46" s="206"/>
      <c r="AD46" s="206"/>
      <c r="AE46" s="206"/>
    </row>
    <row r="47" spans="2:36" x14ac:dyDescent="0.15">
      <c r="B47" s="145"/>
      <c r="C47" s="206"/>
      <c r="D47" s="206"/>
      <c r="E47" s="206"/>
      <c r="F47" s="206"/>
      <c r="G47" s="206"/>
      <c r="H47" s="206"/>
      <c r="I47" s="206"/>
      <c r="J47" s="206"/>
      <c r="K47" s="206"/>
      <c r="L47" s="206"/>
      <c r="M47" s="206"/>
      <c r="N47" s="206"/>
      <c r="O47" s="206"/>
      <c r="P47" s="206"/>
      <c r="Q47" s="206"/>
      <c r="R47" s="206"/>
      <c r="S47" s="206"/>
      <c r="T47" s="206"/>
      <c r="U47" s="206"/>
      <c r="V47" s="206"/>
      <c r="W47" s="206"/>
      <c r="X47" s="229"/>
      <c r="Y47" s="124"/>
      <c r="Z47" s="124"/>
      <c r="AA47" s="124"/>
      <c r="AB47" s="163"/>
      <c r="AC47" s="206"/>
      <c r="AD47" s="206"/>
      <c r="AE47" s="206"/>
    </row>
    <row r="48" spans="2:36" x14ac:dyDescent="0.15">
      <c r="B48" s="145"/>
      <c r="C48" s="206"/>
      <c r="D48" s="206"/>
      <c r="E48" s="206"/>
      <c r="F48" s="206"/>
      <c r="G48" s="206"/>
      <c r="H48" s="206"/>
      <c r="I48" s="206"/>
      <c r="J48" s="206"/>
      <c r="K48" s="206"/>
      <c r="L48" s="206"/>
      <c r="M48" s="206"/>
      <c r="N48" s="206"/>
      <c r="O48" s="206"/>
      <c r="P48" s="206"/>
      <c r="Q48" s="206"/>
      <c r="R48" s="206"/>
      <c r="S48" s="206"/>
      <c r="T48" s="206"/>
      <c r="U48" s="206"/>
      <c r="V48" s="206"/>
      <c r="W48" s="206"/>
      <c r="X48" s="229"/>
      <c r="Y48" s="124"/>
      <c r="Z48" s="124"/>
      <c r="AA48" s="124"/>
      <c r="AB48" s="163"/>
      <c r="AC48" s="206"/>
      <c r="AD48" s="206"/>
      <c r="AE48" s="206"/>
    </row>
    <row r="49" spans="2:31" ht="13.15" customHeight="1" x14ac:dyDescent="0.15">
      <c r="B49" s="145" t="s">
        <v>238</v>
      </c>
      <c r="C49" s="206"/>
      <c r="D49" s="206"/>
      <c r="E49" s="206"/>
      <c r="F49" s="206"/>
      <c r="G49" s="206"/>
      <c r="H49" s="206"/>
      <c r="I49" s="206"/>
      <c r="J49" s="206"/>
      <c r="K49" s="206"/>
      <c r="L49" s="206"/>
      <c r="M49" s="206"/>
      <c r="N49" s="206"/>
      <c r="O49" s="206"/>
      <c r="P49" s="206"/>
      <c r="Q49" s="206"/>
      <c r="R49" s="206"/>
      <c r="S49" s="206"/>
      <c r="T49" s="206"/>
      <c r="U49" s="206"/>
      <c r="V49" s="206"/>
      <c r="W49" s="206"/>
      <c r="X49" s="229"/>
      <c r="Y49" s="228" t="s">
        <v>194</v>
      </c>
      <c r="Z49" s="228" t="s">
        <v>195</v>
      </c>
      <c r="AA49" s="228" t="s">
        <v>196</v>
      </c>
      <c r="AB49" s="163"/>
      <c r="AC49" s="206"/>
      <c r="AD49" s="206"/>
      <c r="AE49" s="206"/>
    </row>
    <row r="50" spans="2:31" x14ac:dyDescent="0.15">
      <c r="B50" s="145"/>
      <c r="C50" s="193" t="s">
        <v>211</v>
      </c>
      <c r="D50" s="222" t="s">
        <v>161</v>
      </c>
      <c r="E50" s="469" t="s">
        <v>212</v>
      </c>
      <c r="F50" s="469"/>
      <c r="G50" s="222" t="s">
        <v>161</v>
      </c>
      <c r="H50" s="358" t="s">
        <v>213</v>
      </c>
      <c r="I50" s="358"/>
      <c r="J50" s="125" t="s">
        <v>239</v>
      </c>
      <c r="K50" s="125"/>
      <c r="L50" s="206"/>
      <c r="M50" s="206"/>
      <c r="N50" s="206"/>
      <c r="O50" s="206"/>
      <c r="P50" s="206"/>
      <c r="Q50" s="206"/>
      <c r="R50" s="206"/>
      <c r="S50" s="206"/>
      <c r="T50" s="206"/>
      <c r="U50" s="206"/>
      <c r="V50" s="206"/>
      <c r="W50" s="206"/>
      <c r="X50" s="229"/>
      <c r="Y50" s="124"/>
      <c r="Z50" s="124"/>
      <c r="AA50" s="124"/>
      <c r="AB50" s="163"/>
      <c r="AC50" s="206"/>
      <c r="AD50" s="206"/>
      <c r="AE50" s="206"/>
    </row>
    <row r="51" spans="2:31" x14ac:dyDescent="0.15">
      <c r="B51" s="145"/>
      <c r="C51" s="206" t="s">
        <v>240</v>
      </c>
      <c r="D51" s="206"/>
      <c r="E51" s="206"/>
      <c r="F51" s="206"/>
      <c r="G51" s="206"/>
      <c r="H51" s="206"/>
      <c r="I51" s="206"/>
      <c r="J51" s="206"/>
      <c r="K51" s="206"/>
      <c r="L51" s="206"/>
      <c r="M51" s="206"/>
      <c r="N51" s="206"/>
      <c r="O51" s="206"/>
      <c r="P51" s="206"/>
      <c r="Q51" s="206"/>
      <c r="R51" s="206"/>
      <c r="S51" s="206"/>
      <c r="T51" s="206"/>
      <c r="U51" s="206"/>
      <c r="V51" s="206"/>
      <c r="W51" s="206"/>
      <c r="X51" s="164"/>
      <c r="Y51" s="222" t="s">
        <v>161</v>
      </c>
      <c r="Z51" s="222" t="s">
        <v>198</v>
      </c>
      <c r="AA51" s="222" t="s">
        <v>161</v>
      </c>
      <c r="AB51" s="121"/>
      <c r="AC51" s="206"/>
      <c r="AD51" s="206"/>
      <c r="AE51" s="206"/>
    </row>
    <row r="52" spans="2:31" x14ac:dyDescent="0.15">
      <c r="B52" s="145"/>
      <c r="C52" s="206" t="s">
        <v>241</v>
      </c>
      <c r="D52" s="206"/>
      <c r="E52" s="206"/>
      <c r="F52" s="206"/>
      <c r="G52" s="206"/>
      <c r="H52" s="206"/>
      <c r="I52" s="206"/>
      <c r="J52" s="206"/>
      <c r="K52" s="206"/>
      <c r="L52" s="206"/>
      <c r="M52" s="206"/>
      <c r="N52" s="206"/>
      <c r="O52" s="206"/>
      <c r="P52" s="206"/>
      <c r="Q52" s="206"/>
      <c r="R52" s="206"/>
      <c r="S52" s="206"/>
      <c r="T52" s="206"/>
      <c r="U52" s="206"/>
      <c r="V52" s="206"/>
      <c r="W52" s="206"/>
      <c r="X52" s="164"/>
      <c r="Y52" s="125"/>
      <c r="Z52" s="125"/>
      <c r="AA52" s="125"/>
      <c r="AB52" s="121"/>
      <c r="AC52" s="206"/>
      <c r="AD52" s="206"/>
      <c r="AE52" s="206"/>
    </row>
    <row r="53" spans="2:31" x14ac:dyDescent="0.15">
      <c r="B53" s="145"/>
      <c r="C53" s="206" t="s">
        <v>242</v>
      </c>
      <c r="D53" s="206"/>
      <c r="E53" s="206"/>
      <c r="F53" s="206"/>
      <c r="G53" s="206"/>
      <c r="H53" s="206"/>
      <c r="I53" s="206"/>
      <c r="J53" s="206"/>
      <c r="K53" s="206"/>
      <c r="L53" s="206"/>
      <c r="M53" s="206"/>
      <c r="N53" s="206"/>
      <c r="O53" s="206"/>
      <c r="P53" s="206"/>
      <c r="Q53" s="206"/>
      <c r="R53" s="206"/>
      <c r="S53" s="206"/>
      <c r="T53" s="206"/>
      <c r="U53" s="206"/>
      <c r="V53" s="206"/>
      <c r="W53" s="206"/>
      <c r="X53" s="145"/>
      <c r="Y53" s="206"/>
      <c r="Z53" s="206"/>
      <c r="AA53" s="206"/>
      <c r="AB53" s="146"/>
      <c r="AC53" s="206"/>
      <c r="AD53" s="206"/>
      <c r="AE53" s="206"/>
    </row>
    <row r="54" spans="2:31" x14ac:dyDescent="0.15">
      <c r="B54" s="145"/>
      <c r="C54" s="206" t="s">
        <v>243</v>
      </c>
      <c r="D54" s="206"/>
      <c r="E54" s="206"/>
      <c r="F54" s="206"/>
      <c r="G54" s="206"/>
      <c r="H54" s="206"/>
      <c r="I54" s="206"/>
      <c r="J54" s="206"/>
      <c r="K54" s="206"/>
      <c r="L54" s="206"/>
      <c r="M54" s="206"/>
      <c r="N54" s="206"/>
      <c r="O54" s="206"/>
      <c r="P54" s="206"/>
      <c r="Q54" s="206"/>
      <c r="R54" s="206"/>
      <c r="S54" s="206"/>
      <c r="T54" s="206"/>
      <c r="U54" s="206"/>
      <c r="V54" s="206"/>
      <c r="W54" s="206"/>
      <c r="X54" s="164"/>
      <c r="Y54" s="222" t="s">
        <v>161</v>
      </c>
      <c r="Z54" s="222" t="s">
        <v>198</v>
      </c>
      <c r="AA54" s="222" t="s">
        <v>161</v>
      </c>
      <c r="AB54" s="121"/>
      <c r="AC54" s="206"/>
      <c r="AD54" s="206"/>
      <c r="AE54" s="206"/>
    </row>
    <row r="55" spans="2:31" x14ac:dyDescent="0.15">
      <c r="B55" s="145"/>
      <c r="C55" s="206" t="s">
        <v>244</v>
      </c>
      <c r="D55" s="206"/>
      <c r="E55" s="206"/>
      <c r="F55" s="206"/>
      <c r="G55" s="206"/>
      <c r="H55" s="206"/>
      <c r="I55" s="206"/>
      <c r="J55" s="206"/>
      <c r="K55" s="206"/>
      <c r="L55" s="206"/>
      <c r="M55" s="206"/>
      <c r="N55" s="206"/>
      <c r="O55" s="206"/>
      <c r="P55" s="206"/>
      <c r="Q55" s="206"/>
      <c r="R55" s="206"/>
      <c r="S55" s="206"/>
      <c r="T55" s="206"/>
      <c r="U55" s="206"/>
      <c r="V55" s="206"/>
      <c r="W55" s="206"/>
      <c r="X55" s="164"/>
      <c r="Y55" s="125"/>
      <c r="Z55" s="125"/>
      <c r="AA55" s="125"/>
      <c r="AB55" s="121"/>
      <c r="AC55" s="206"/>
      <c r="AD55" s="206"/>
      <c r="AE55" s="206"/>
    </row>
    <row r="56" spans="2:31" x14ac:dyDescent="0.15">
      <c r="B56" s="135"/>
      <c r="C56" s="214" t="s">
        <v>245</v>
      </c>
      <c r="D56" s="214"/>
      <c r="E56" s="214"/>
      <c r="F56" s="214"/>
      <c r="G56" s="214"/>
      <c r="H56" s="214"/>
      <c r="I56" s="214"/>
      <c r="J56" s="214"/>
      <c r="K56" s="214"/>
      <c r="L56" s="214"/>
      <c r="M56" s="214"/>
      <c r="N56" s="214"/>
      <c r="O56" s="214"/>
      <c r="P56" s="214"/>
      <c r="Q56" s="214"/>
      <c r="R56" s="214"/>
      <c r="S56" s="214"/>
      <c r="T56" s="214"/>
      <c r="U56" s="214"/>
      <c r="V56" s="214"/>
      <c r="W56" s="214"/>
      <c r="X56" s="135"/>
      <c r="Y56" s="214"/>
      <c r="Z56" s="214"/>
      <c r="AA56" s="214"/>
      <c r="AB56" s="136"/>
      <c r="AC56" s="206"/>
      <c r="AD56" s="206"/>
      <c r="AE56" s="206"/>
    </row>
    <row r="57" spans="2:31" x14ac:dyDescent="0.15">
      <c r="D57" s="206"/>
      <c r="E57" s="206"/>
      <c r="F57" s="206"/>
      <c r="G57" s="206"/>
      <c r="H57" s="206"/>
      <c r="I57" s="206"/>
      <c r="J57" s="206"/>
      <c r="K57" s="206"/>
      <c r="L57" s="206"/>
      <c r="M57" s="206"/>
      <c r="N57" s="206"/>
      <c r="O57" s="206"/>
      <c r="P57" s="206"/>
      <c r="Q57" s="206"/>
      <c r="R57" s="206"/>
      <c r="S57" s="206"/>
      <c r="T57" s="206"/>
      <c r="U57" s="206"/>
      <c r="V57" s="206"/>
      <c r="W57" s="206"/>
      <c r="X57" s="206"/>
      <c r="Y57" s="206"/>
      <c r="Z57" s="206"/>
      <c r="AA57" s="206"/>
      <c r="AB57" s="206"/>
      <c r="AC57" s="206"/>
    </row>
    <row r="58" spans="2:31" x14ac:dyDescent="0.15">
      <c r="B58" s="215" t="s">
        <v>246</v>
      </c>
    </row>
    <row r="59" spans="2:31" x14ac:dyDescent="0.15">
      <c r="B59" s="215" t="s">
        <v>247</v>
      </c>
    </row>
    <row r="60" spans="2:31" x14ac:dyDescent="0.15">
      <c r="B60" s="215" t="s">
        <v>248</v>
      </c>
    </row>
    <row r="61" spans="2:31" x14ac:dyDescent="0.15">
      <c r="B61" s="215" t="s">
        <v>249</v>
      </c>
    </row>
    <row r="62" spans="2:31" x14ac:dyDescent="0.15">
      <c r="B62" s="215" t="s">
        <v>250</v>
      </c>
    </row>
    <row r="63" spans="2:31" x14ac:dyDescent="0.15">
      <c r="B63" s="215" t="s">
        <v>251</v>
      </c>
    </row>
  </sheetData>
  <mergeCells count="34">
    <mergeCell ref="Q42:U42"/>
    <mergeCell ref="C44:V44"/>
    <mergeCell ref="E50:F50"/>
    <mergeCell ref="H50:I50"/>
    <mergeCell ref="X38:AB38"/>
    <mergeCell ref="C40:J40"/>
    <mergeCell ref="K40:P40"/>
    <mergeCell ref="Q40:V40"/>
    <mergeCell ref="C41:H42"/>
    <mergeCell ref="I41:J41"/>
    <mergeCell ref="K41:O41"/>
    <mergeCell ref="Q41:V41"/>
    <mergeCell ref="I42:J42"/>
    <mergeCell ref="K42:O42"/>
    <mergeCell ref="D36:M36"/>
    <mergeCell ref="N36:O36"/>
    <mergeCell ref="R36:V36"/>
    <mergeCell ref="B8:F8"/>
    <mergeCell ref="B9:F10"/>
    <mergeCell ref="E30:F30"/>
    <mergeCell ref="H30:I30"/>
    <mergeCell ref="D33:M33"/>
    <mergeCell ref="N33:P33"/>
    <mergeCell ref="D34:M34"/>
    <mergeCell ref="N34:O34"/>
    <mergeCell ref="D35:M35"/>
    <mergeCell ref="N35:O35"/>
    <mergeCell ref="R35:V35"/>
    <mergeCell ref="T3:U3"/>
    <mergeCell ref="W3:X3"/>
    <mergeCell ref="Z3:AA3"/>
    <mergeCell ref="B5:AB5"/>
    <mergeCell ref="B7:F7"/>
    <mergeCell ref="G7:AB7"/>
  </mergeCells>
  <phoneticPr fontId="2"/>
  <dataValidations count="1">
    <dataValidation type="list" allowBlank="1" showInputMessage="1" showErrorMessage="1" sqref="G8:G10 L8 Q8:Q10 Y15 AA15 Y17 AA17 Y19:Y20 AA19:AA20 Y22:Y23 AA22:AA23 Y34:Y36 AA34:AA36 Y44 AA44 Y51 AA51 Y54 AA54 D30 G30 D50 G50">
      <formula1>"□,■"</formula1>
    </dataValidation>
  </dataValidations>
  <printOptions horizontalCentered="1"/>
  <pageMargins left="0.70866141732283472" right="0.39370078740157483" top="0.51181102362204722" bottom="0.35433070866141736" header="0.31496062992125984" footer="0.31496062992125984"/>
  <pageSetup paperSize="9" scale="87"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B2:AE32"/>
  <sheetViews>
    <sheetView view="pageBreakPreview" zoomScaleNormal="120" zoomScaleSheetLayoutView="100" workbookViewId="0">
      <selection activeCell="AK28" sqref="AK28"/>
    </sheetView>
  </sheetViews>
  <sheetFormatPr defaultColWidth="4" defaultRowHeight="13.5" x14ac:dyDescent="0.15"/>
  <cols>
    <col min="1" max="1" width="2.875" style="215" customWidth="1"/>
    <col min="2" max="2" width="2.375" style="215" customWidth="1"/>
    <col min="3" max="11" width="3.625" style="215" customWidth="1"/>
    <col min="12" max="12" width="4.5" style="215" customWidth="1"/>
    <col min="13" max="21" width="3.625" style="215" customWidth="1"/>
    <col min="22" max="22" width="2.875" style="215" customWidth="1"/>
    <col min="23" max="23" width="2.125" style="215" customWidth="1"/>
    <col min="24" max="27" width="3.25" style="215" customWidth="1"/>
    <col min="28" max="28" width="3.75" style="215" customWidth="1"/>
    <col min="29" max="29" width="0.875" style="215" customWidth="1"/>
    <col min="30" max="16384" width="4" style="215"/>
  </cols>
  <sheetData>
    <row r="2" spans="2:31" x14ac:dyDescent="0.15">
      <c r="B2" s="215" t="s">
        <v>252</v>
      </c>
    </row>
    <row r="3" spans="2:31" x14ac:dyDescent="0.15">
      <c r="Q3" s="92"/>
      <c r="R3" s="92"/>
      <c r="S3" s="217" t="s">
        <v>169</v>
      </c>
      <c r="T3" s="340"/>
      <c r="U3" s="340"/>
      <c r="V3" s="216" t="s">
        <v>37</v>
      </c>
      <c r="W3" s="340"/>
      <c r="X3" s="340"/>
      <c r="Y3" s="216" t="s">
        <v>180</v>
      </c>
      <c r="Z3" s="340"/>
      <c r="AA3" s="340"/>
      <c r="AB3" s="216" t="s">
        <v>181</v>
      </c>
    </row>
    <row r="4" spans="2:31" x14ac:dyDescent="0.15">
      <c r="S4" s="92"/>
      <c r="T4" s="92"/>
      <c r="U4" s="92"/>
    </row>
    <row r="5" spans="2:31" ht="20.100000000000001" customHeight="1" x14ac:dyDescent="0.15">
      <c r="B5" s="340" t="s">
        <v>253</v>
      </c>
      <c r="C5" s="340"/>
      <c r="D5" s="340"/>
      <c r="E5" s="340"/>
      <c r="F5" s="340"/>
      <c r="G5" s="340"/>
      <c r="H5" s="340"/>
      <c r="I5" s="340"/>
      <c r="J5" s="340"/>
      <c r="K5" s="340"/>
      <c r="L5" s="340"/>
      <c r="M5" s="340"/>
      <c r="N5" s="340"/>
      <c r="O5" s="340"/>
      <c r="P5" s="340"/>
      <c r="Q5" s="340"/>
      <c r="R5" s="340"/>
      <c r="S5" s="340"/>
      <c r="T5" s="340"/>
      <c r="U5" s="340"/>
      <c r="V5" s="340"/>
      <c r="W5" s="340"/>
      <c r="X5" s="340"/>
      <c r="Y5" s="340"/>
      <c r="Z5" s="340"/>
      <c r="AA5" s="340"/>
      <c r="AB5" s="340"/>
    </row>
    <row r="7" spans="2:31" ht="23.25" customHeight="1" x14ac:dyDescent="0.15">
      <c r="B7" s="323" t="s">
        <v>183</v>
      </c>
      <c r="C7" s="324"/>
      <c r="D7" s="324"/>
      <c r="E7" s="324"/>
      <c r="F7" s="325"/>
      <c r="G7" s="323"/>
      <c r="H7" s="324"/>
      <c r="I7" s="324"/>
      <c r="J7" s="324"/>
      <c r="K7" s="324"/>
      <c r="L7" s="324"/>
      <c r="M7" s="324"/>
      <c r="N7" s="324"/>
      <c r="O7" s="324"/>
      <c r="P7" s="324"/>
      <c r="Q7" s="324"/>
      <c r="R7" s="324"/>
      <c r="S7" s="324"/>
      <c r="T7" s="324"/>
      <c r="U7" s="324"/>
      <c r="V7" s="324"/>
      <c r="W7" s="324"/>
      <c r="X7" s="324"/>
      <c r="Y7" s="324"/>
      <c r="Z7" s="324"/>
      <c r="AA7" s="324"/>
      <c r="AB7" s="325"/>
    </row>
    <row r="8" spans="2:31" ht="23.25" customHeight="1" x14ac:dyDescent="0.15">
      <c r="B8" s="323" t="s">
        <v>184</v>
      </c>
      <c r="C8" s="324"/>
      <c r="D8" s="324"/>
      <c r="E8" s="324"/>
      <c r="F8" s="325"/>
      <c r="G8" s="220" t="s">
        <v>161</v>
      </c>
      <c r="H8" s="221" t="s">
        <v>185</v>
      </c>
      <c r="I8" s="221"/>
      <c r="J8" s="221"/>
      <c r="K8" s="221"/>
      <c r="L8" s="223" t="s">
        <v>161</v>
      </c>
      <c r="M8" s="221" t="s">
        <v>186</v>
      </c>
      <c r="N8" s="221"/>
      <c r="O8" s="221"/>
      <c r="P8" s="221"/>
      <c r="Q8" s="223" t="s">
        <v>161</v>
      </c>
      <c r="R8" s="221" t="s">
        <v>187</v>
      </c>
      <c r="S8" s="221"/>
      <c r="T8" s="221"/>
      <c r="U8" s="207"/>
      <c r="V8" s="207"/>
      <c r="W8" s="207"/>
      <c r="X8" s="207"/>
      <c r="Y8" s="207"/>
      <c r="Z8" s="207"/>
      <c r="AA8" s="207"/>
      <c r="AB8" s="208"/>
    </row>
    <row r="10" spans="2:31" x14ac:dyDescent="0.15">
      <c r="B10" s="132"/>
      <c r="C10" s="133"/>
      <c r="D10" s="133"/>
      <c r="E10" s="133"/>
      <c r="F10" s="133"/>
      <c r="G10" s="133"/>
      <c r="H10" s="133"/>
      <c r="I10" s="133"/>
      <c r="J10" s="133"/>
      <c r="K10" s="133"/>
      <c r="L10" s="133"/>
      <c r="M10" s="133"/>
      <c r="N10" s="133"/>
      <c r="O10" s="133"/>
      <c r="P10" s="133"/>
      <c r="Q10" s="133"/>
      <c r="R10" s="133"/>
      <c r="S10" s="133"/>
      <c r="T10" s="133"/>
      <c r="U10" s="133"/>
      <c r="V10" s="133"/>
      <c r="W10" s="133"/>
      <c r="X10" s="132"/>
      <c r="Y10" s="133"/>
      <c r="Z10" s="133"/>
      <c r="AA10" s="133"/>
      <c r="AB10" s="134"/>
    </row>
    <row r="11" spans="2:31" x14ac:dyDescent="0.15">
      <c r="B11" s="145" t="s">
        <v>193</v>
      </c>
      <c r="C11" s="206"/>
      <c r="D11" s="206"/>
      <c r="E11" s="206"/>
      <c r="F11" s="206"/>
      <c r="G11" s="206"/>
      <c r="H11" s="206"/>
      <c r="I11" s="206"/>
      <c r="J11" s="206"/>
      <c r="K11" s="206"/>
      <c r="L11" s="206"/>
      <c r="M11" s="206"/>
      <c r="N11" s="206"/>
      <c r="O11" s="206"/>
      <c r="P11" s="206"/>
      <c r="Q11" s="206"/>
      <c r="R11" s="206"/>
      <c r="S11" s="206"/>
      <c r="T11" s="206"/>
      <c r="U11" s="206"/>
      <c r="V11" s="206"/>
      <c r="W11" s="206"/>
      <c r="X11" s="145"/>
      <c r="Y11" s="228" t="s">
        <v>194</v>
      </c>
      <c r="Z11" s="228" t="s">
        <v>195</v>
      </c>
      <c r="AA11" s="228" t="s">
        <v>196</v>
      </c>
      <c r="AB11" s="146"/>
    </row>
    <row r="12" spans="2:31" ht="6" customHeight="1" x14ac:dyDescent="0.15">
      <c r="B12" s="145"/>
      <c r="C12" s="206"/>
      <c r="D12" s="206"/>
      <c r="E12" s="206"/>
      <c r="F12" s="206"/>
      <c r="G12" s="206"/>
      <c r="H12" s="206"/>
      <c r="I12" s="206"/>
      <c r="J12" s="206"/>
      <c r="K12" s="206"/>
      <c r="L12" s="206"/>
      <c r="M12" s="206"/>
      <c r="N12" s="206"/>
      <c r="O12" s="206"/>
      <c r="P12" s="206"/>
      <c r="Q12" s="206"/>
      <c r="R12" s="206"/>
      <c r="S12" s="206"/>
      <c r="T12" s="206"/>
      <c r="U12" s="206"/>
      <c r="V12" s="206"/>
      <c r="W12" s="206"/>
      <c r="X12" s="145"/>
      <c r="Y12" s="206"/>
      <c r="Z12" s="206"/>
      <c r="AA12" s="206"/>
      <c r="AB12" s="146"/>
    </row>
    <row r="13" spans="2:31" ht="20.100000000000001" customHeight="1" x14ac:dyDescent="0.15">
      <c r="B13" s="145"/>
      <c r="C13" s="206" t="s">
        <v>254</v>
      </c>
      <c r="D13" s="206"/>
      <c r="E13" s="206"/>
      <c r="F13" s="206"/>
      <c r="G13" s="206"/>
      <c r="H13" s="206"/>
      <c r="I13" s="206"/>
      <c r="J13" s="206"/>
      <c r="K13" s="206"/>
      <c r="L13" s="206"/>
      <c r="M13" s="206"/>
      <c r="N13" s="206"/>
      <c r="O13" s="206"/>
      <c r="P13" s="206"/>
      <c r="Q13" s="206"/>
      <c r="R13" s="206"/>
      <c r="S13" s="206"/>
      <c r="T13" s="206"/>
      <c r="U13" s="206"/>
      <c r="V13" s="206"/>
      <c r="W13" s="206"/>
      <c r="X13" s="164"/>
      <c r="Y13" s="222" t="s">
        <v>161</v>
      </c>
      <c r="Z13" s="222" t="s">
        <v>198</v>
      </c>
      <c r="AA13" s="222" t="s">
        <v>161</v>
      </c>
      <c r="AB13" s="121"/>
      <c r="AC13" s="206"/>
      <c r="AD13" s="206"/>
      <c r="AE13" s="206"/>
    </row>
    <row r="14" spans="2:31" ht="20.100000000000001" customHeight="1" x14ac:dyDescent="0.15">
      <c r="B14" s="145"/>
      <c r="C14" s="206" t="s">
        <v>199</v>
      </c>
      <c r="D14" s="206"/>
      <c r="E14" s="206"/>
      <c r="F14" s="206"/>
      <c r="G14" s="206"/>
      <c r="H14" s="206"/>
      <c r="I14" s="206"/>
      <c r="J14" s="206"/>
      <c r="K14" s="206"/>
      <c r="L14" s="206"/>
      <c r="M14" s="206"/>
      <c r="N14" s="206"/>
      <c r="O14" s="206"/>
      <c r="P14" s="206"/>
      <c r="Q14" s="206"/>
      <c r="R14" s="206"/>
      <c r="S14" s="206"/>
      <c r="T14" s="206"/>
      <c r="U14" s="206"/>
      <c r="V14" s="206"/>
      <c r="W14" s="206"/>
      <c r="X14" s="164"/>
      <c r="Y14" s="125"/>
      <c r="Z14" s="125"/>
      <c r="AA14" s="125"/>
      <c r="AB14" s="121"/>
      <c r="AC14" s="206"/>
      <c r="AD14" s="206"/>
      <c r="AE14" s="206"/>
    </row>
    <row r="15" spans="2:31" ht="20.100000000000001" customHeight="1" x14ac:dyDescent="0.15">
      <c r="B15" s="145"/>
      <c r="C15" s="206" t="s">
        <v>202</v>
      </c>
      <c r="D15" s="206"/>
      <c r="E15" s="206"/>
      <c r="F15" s="206"/>
      <c r="G15" s="206"/>
      <c r="H15" s="206"/>
      <c r="I15" s="206"/>
      <c r="J15" s="206"/>
      <c r="K15" s="206"/>
      <c r="L15" s="206"/>
      <c r="M15" s="206"/>
      <c r="N15" s="206"/>
      <c r="O15" s="206"/>
      <c r="P15" s="206"/>
      <c r="Q15" s="206"/>
      <c r="R15" s="206"/>
      <c r="S15" s="206"/>
      <c r="T15" s="206"/>
      <c r="U15" s="206"/>
      <c r="V15" s="206"/>
      <c r="W15" s="206"/>
      <c r="X15" s="164"/>
      <c r="Y15" s="222" t="s">
        <v>161</v>
      </c>
      <c r="Z15" s="222" t="s">
        <v>198</v>
      </c>
      <c r="AA15" s="222" t="s">
        <v>161</v>
      </c>
      <c r="AB15" s="121"/>
      <c r="AC15" s="206"/>
      <c r="AD15" s="206"/>
      <c r="AE15" s="206"/>
    </row>
    <row r="16" spans="2:31" ht="20.100000000000001" customHeight="1" x14ac:dyDescent="0.15">
      <c r="B16" s="145"/>
      <c r="C16" s="206" t="s">
        <v>203</v>
      </c>
      <c r="D16" s="206"/>
      <c r="E16" s="206"/>
      <c r="F16" s="206"/>
      <c r="G16" s="206"/>
      <c r="H16" s="206"/>
      <c r="I16" s="206"/>
      <c r="J16" s="206"/>
      <c r="K16" s="206"/>
      <c r="L16" s="206"/>
      <c r="M16" s="206"/>
      <c r="N16" s="206"/>
      <c r="O16" s="206"/>
      <c r="P16" s="206"/>
      <c r="Q16" s="206"/>
      <c r="R16" s="206"/>
      <c r="S16" s="206"/>
      <c r="T16" s="206"/>
      <c r="U16" s="206"/>
      <c r="V16" s="206"/>
      <c r="W16" s="206"/>
      <c r="X16" s="164"/>
      <c r="Y16" s="222" t="s">
        <v>161</v>
      </c>
      <c r="Z16" s="222" t="s">
        <v>198</v>
      </c>
      <c r="AA16" s="222" t="s">
        <v>161</v>
      </c>
      <c r="AB16" s="121"/>
      <c r="AC16" s="206"/>
      <c r="AD16" s="206"/>
      <c r="AE16" s="206"/>
    </row>
    <row r="17" spans="2:31" ht="20.100000000000001" customHeight="1" x14ac:dyDescent="0.15">
      <c r="B17" s="145"/>
      <c r="C17" s="206" t="s">
        <v>204</v>
      </c>
      <c r="D17" s="206"/>
      <c r="E17" s="206"/>
      <c r="F17" s="206"/>
      <c r="G17" s="206"/>
      <c r="H17" s="206"/>
      <c r="I17" s="206"/>
      <c r="J17" s="206"/>
      <c r="K17" s="206"/>
      <c r="L17" s="206"/>
      <c r="M17" s="206"/>
      <c r="N17" s="206"/>
      <c r="O17" s="206"/>
      <c r="P17" s="206"/>
      <c r="Q17" s="206"/>
      <c r="R17" s="206"/>
      <c r="S17" s="206"/>
      <c r="T17" s="206"/>
      <c r="U17" s="206"/>
      <c r="V17" s="206"/>
      <c r="W17" s="206"/>
      <c r="X17" s="164"/>
      <c r="Y17" s="125"/>
      <c r="Z17" s="125"/>
      <c r="AA17" s="125"/>
      <c r="AB17" s="121"/>
      <c r="AC17" s="206"/>
      <c r="AD17" s="206"/>
      <c r="AE17" s="206"/>
    </row>
    <row r="18" spans="2:31" ht="20.100000000000001" customHeight="1" x14ac:dyDescent="0.15">
      <c r="B18" s="145"/>
      <c r="C18" s="206" t="s">
        <v>205</v>
      </c>
      <c r="D18" s="206"/>
      <c r="E18" s="206"/>
      <c r="F18" s="206"/>
      <c r="G18" s="206"/>
      <c r="H18" s="206"/>
      <c r="I18" s="206"/>
      <c r="J18" s="206"/>
      <c r="K18" s="206"/>
      <c r="L18" s="206"/>
      <c r="M18" s="206"/>
      <c r="N18" s="206"/>
      <c r="O18" s="206"/>
      <c r="P18" s="206"/>
      <c r="Q18" s="206"/>
      <c r="R18" s="206"/>
      <c r="S18" s="206"/>
      <c r="T18" s="206"/>
      <c r="U18" s="206"/>
      <c r="V18" s="206"/>
      <c r="W18" s="206"/>
      <c r="X18" s="164"/>
      <c r="Y18" s="222" t="s">
        <v>161</v>
      </c>
      <c r="Z18" s="222" t="s">
        <v>198</v>
      </c>
      <c r="AA18" s="222" t="s">
        <v>161</v>
      </c>
      <c r="AB18" s="121"/>
      <c r="AC18" s="206"/>
      <c r="AD18" s="206"/>
      <c r="AE18" s="206"/>
    </row>
    <row r="19" spans="2:31" ht="20.100000000000001" customHeight="1" x14ac:dyDescent="0.15">
      <c r="B19" s="145"/>
      <c r="C19" s="206" t="s">
        <v>206</v>
      </c>
      <c r="D19" s="206"/>
      <c r="E19" s="206"/>
      <c r="F19" s="206"/>
      <c r="G19" s="206"/>
      <c r="H19" s="206"/>
      <c r="I19" s="206"/>
      <c r="J19" s="206"/>
      <c r="K19" s="206"/>
      <c r="L19" s="206"/>
      <c r="M19" s="206"/>
      <c r="N19" s="206"/>
      <c r="O19" s="206"/>
      <c r="P19" s="206"/>
      <c r="Q19" s="206"/>
      <c r="R19" s="206"/>
      <c r="S19" s="206"/>
      <c r="T19" s="206"/>
      <c r="U19" s="206"/>
      <c r="V19" s="206"/>
      <c r="W19" s="206"/>
      <c r="X19" s="164"/>
      <c r="Y19" s="222" t="s">
        <v>161</v>
      </c>
      <c r="Z19" s="222" t="s">
        <v>198</v>
      </c>
      <c r="AA19" s="222" t="s">
        <v>161</v>
      </c>
      <c r="AB19" s="121"/>
      <c r="AC19" s="206"/>
      <c r="AD19" s="206"/>
      <c r="AE19" s="206"/>
    </row>
    <row r="20" spans="2:31" x14ac:dyDescent="0.15">
      <c r="B20" s="145"/>
      <c r="C20" s="206"/>
      <c r="D20" s="206"/>
      <c r="E20" s="206"/>
      <c r="F20" s="206"/>
      <c r="G20" s="206"/>
      <c r="H20" s="206"/>
      <c r="I20" s="206"/>
      <c r="J20" s="206"/>
      <c r="K20" s="206"/>
      <c r="L20" s="206"/>
      <c r="M20" s="206"/>
      <c r="N20" s="206"/>
      <c r="O20" s="206"/>
      <c r="P20" s="206"/>
      <c r="Q20" s="206"/>
      <c r="R20" s="206"/>
      <c r="S20" s="206"/>
      <c r="T20" s="206"/>
      <c r="U20" s="206"/>
      <c r="V20" s="206"/>
      <c r="W20" s="206"/>
      <c r="X20" s="229"/>
      <c r="Y20" s="124"/>
      <c r="Z20" s="124"/>
      <c r="AA20" s="124"/>
      <c r="AB20" s="163"/>
      <c r="AC20" s="206"/>
      <c r="AD20" s="206"/>
      <c r="AE20" s="206"/>
    </row>
    <row r="21" spans="2:31" x14ac:dyDescent="0.15">
      <c r="B21" s="145" t="s">
        <v>207</v>
      </c>
      <c r="C21" s="206"/>
      <c r="D21" s="206"/>
      <c r="E21" s="206"/>
      <c r="F21" s="206"/>
      <c r="G21" s="206"/>
      <c r="H21" s="206"/>
      <c r="I21" s="206"/>
      <c r="J21" s="206"/>
      <c r="K21" s="206"/>
      <c r="L21" s="206"/>
      <c r="M21" s="206"/>
      <c r="N21" s="206"/>
      <c r="O21" s="206"/>
      <c r="P21" s="206"/>
      <c r="Q21" s="206"/>
      <c r="R21" s="206"/>
      <c r="S21" s="206"/>
      <c r="T21" s="206"/>
      <c r="U21" s="206"/>
      <c r="V21" s="206"/>
      <c r="W21" s="206"/>
      <c r="X21" s="229"/>
      <c r="Y21" s="124"/>
      <c r="Z21" s="124"/>
      <c r="AA21" s="124"/>
      <c r="AB21" s="163"/>
      <c r="AC21" s="206"/>
      <c r="AD21" s="206"/>
      <c r="AE21" s="206"/>
    </row>
    <row r="22" spans="2:31" ht="6" customHeight="1" x14ac:dyDescent="0.15">
      <c r="B22" s="145"/>
      <c r="C22" s="206"/>
      <c r="D22" s="206"/>
      <c r="E22" s="206"/>
      <c r="F22" s="206"/>
      <c r="G22" s="206"/>
      <c r="H22" s="206"/>
      <c r="I22" s="206"/>
      <c r="J22" s="206"/>
      <c r="K22" s="206"/>
      <c r="L22" s="206"/>
      <c r="M22" s="206"/>
      <c r="N22" s="206"/>
      <c r="O22" s="206"/>
      <c r="P22" s="206"/>
      <c r="Q22" s="206"/>
      <c r="R22" s="206"/>
      <c r="S22" s="206"/>
      <c r="T22" s="206"/>
      <c r="U22" s="206"/>
      <c r="V22" s="206"/>
      <c r="W22" s="206"/>
      <c r="X22" s="229"/>
      <c r="Y22" s="124"/>
      <c r="Z22" s="124"/>
      <c r="AA22" s="124"/>
      <c r="AB22" s="163"/>
      <c r="AC22" s="206"/>
      <c r="AD22" s="206"/>
      <c r="AE22" s="206"/>
    </row>
    <row r="23" spans="2:31" x14ac:dyDescent="0.15">
      <c r="B23" s="145"/>
      <c r="C23" s="206"/>
      <c r="D23" s="206"/>
      <c r="E23" s="206"/>
      <c r="F23" s="206"/>
      <c r="G23" s="206"/>
      <c r="H23" s="206"/>
      <c r="I23" s="206"/>
      <c r="J23" s="206"/>
      <c r="K23" s="206"/>
      <c r="L23" s="206"/>
      <c r="M23" s="206"/>
      <c r="N23" s="206"/>
      <c r="O23" s="206"/>
      <c r="P23" s="206"/>
      <c r="Q23" s="206"/>
      <c r="R23" s="206"/>
      <c r="S23" s="206"/>
      <c r="T23" s="206"/>
      <c r="U23" s="206"/>
      <c r="V23" s="206"/>
      <c r="W23" s="206"/>
      <c r="X23" s="229"/>
      <c r="Y23" s="124"/>
      <c r="Z23" s="124"/>
      <c r="AA23" s="124"/>
      <c r="AB23" s="163"/>
      <c r="AC23" s="206"/>
      <c r="AD23" s="206"/>
      <c r="AE23" s="206"/>
    </row>
    <row r="24" spans="2:31" ht="20.100000000000001" customHeight="1" x14ac:dyDescent="0.15">
      <c r="B24" s="145"/>
      <c r="C24" s="232" t="s">
        <v>255</v>
      </c>
      <c r="D24" s="206"/>
      <c r="E24" s="206"/>
      <c r="F24" s="206"/>
      <c r="G24" s="206"/>
      <c r="H24" s="206"/>
      <c r="I24" s="206"/>
      <c r="J24" s="206"/>
      <c r="K24" s="206"/>
      <c r="L24" s="206"/>
      <c r="M24" s="206"/>
      <c r="N24" s="206"/>
      <c r="O24" s="206"/>
      <c r="P24" s="206"/>
      <c r="Q24" s="206"/>
      <c r="R24" s="206"/>
      <c r="S24" s="206"/>
      <c r="T24" s="206"/>
      <c r="U24" s="206"/>
      <c r="V24" s="206"/>
      <c r="W24" s="206"/>
      <c r="X24" s="229"/>
      <c r="Y24" s="124"/>
      <c r="Z24" s="124"/>
      <c r="AA24" s="124"/>
      <c r="AB24" s="163"/>
      <c r="AC24" s="206"/>
      <c r="AD24" s="206"/>
      <c r="AE24" s="206"/>
    </row>
    <row r="25" spans="2:31" ht="25.9" customHeight="1" x14ac:dyDescent="0.15">
      <c r="B25" s="145"/>
      <c r="C25" s="218"/>
      <c r="D25" s="478"/>
      <c r="E25" s="478"/>
      <c r="F25" s="478"/>
      <c r="G25" s="478"/>
      <c r="H25" s="478"/>
      <c r="I25" s="478"/>
      <c r="J25" s="478"/>
      <c r="K25" s="478"/>
      <c r="L25" s="478"/>
      <c r="M25" s="478"/>
      <c r="N25" s="479" t="s">
        <v>216</v>
      </c>
      <c r="O25" s="478"/>
      <c r="P25" s="478"/>
      <c r="Q25" s="206"/>
      <c r="R25" s="206"/>
      <c r="S25" s="206"/>
      <c r="T25" s="206"/>
      <c r="U25" s="206"/>
      <c r="V25" s="206"/>
      <c r="W25" s="206"/>
      <c r="X25" s="229"/>
      <c r="Y25" s="228" t="s">
        <v>194</v>
      </c>
      <c r="Z25" s="228" t="s">
        <v>195</v>
      </c>
      <c r="AA25" s="228" t="s">
        <v>196</v>
      </c>
      <c r="AB25" s="163"/>
      <c r="AC25" s="206"/>
      <c r="AD25" s="206"/>
      <c r="AE25" s="206"/>
    </row>
    <row r="26" spans="2:31" ht="25.15" customHeight="1" x14ac:dyDescent="0.15">
      <c r="B26" s="145"/>
      <c r="C26" s="218" t="s">
        <v>217</v>
      </c>
      <c r="D26" s="434" t="s">
        <v>256</v>
      </c>
      <c r="E26" s="434"/>
      <c r="F26" s="434"/>
      <c r="G26" s="434"/>
      <c r="H26" s="434"/>
      <c r="I26" s="434"/>
      <c r="J26" s="434"/>
      <c r="K26" s="434"/>
      <c r="L26" s="434"/>
      <c r="M26" s="434"/>
      <c r="N26" s="323"/>
      <c r="O26" s="324"/>
      <c r="P26" s="231" t="s">
        <v>219</v>
      </c>
      <c r="Q26" s="206"/>
      <c r="R26" s="206"/>
      <c r="S26" s="206"/>
      <c r="T26" s="206"/>
      <c r="U26" s="206"/>
      <c r="V26" s="206"/>
      <c r="W26" s="206"/>
      <c r="X26" s="164"/>
      <c r="Y26" s="222" t="s">
        <v>161</v>
      </c>
      <c r="Z26" s="222" t="s">
        <v>220</v>
      </c>
      <c r="AA26" s="222" t="s">
        <v>161</v>
      </c>
      <c r="AB26" s="121"/>
      <c r="AC26" s="206"/>
      <c r="AD26" s="206"/>
      <c r="AE26" s="206"/>
    </row>
    <row r="27" spans="2:31" ht="34.15" customHeight="1" x14ac:dyDescent="0.15">
      <c r="B27" s="145"/>
      <c r="C27" s="218" t="s">
        <v>221</v>
      </c>
      <c r="D27" s="480" t="s">
        <v>257</v>
      </c>
      <c r="E27" s="480"/>
      <c r="F27" s="480"/>
      <c r="G27" s="480"/>
      <c r="H27" s="480"/>
      <c r="I27" s="480"/>
      <c r="J27" s="480"/>
      <c r="K27" s="480"/>
      <c r="L27" s="480"/>
      <c r="M27" s="480"/>
      <c r="N27" s="323"/>
      <c r="O27" s="324"/>
      <c r="P27" s="231" t="s">
        <v>219</v>
      </c>
      <c r="Q27" s="206" t="s">
        <v>223</v>
      </c>
      <c r="R27" s="358" t="s">
        <v>258</v>
      </c>
      <c r="S27" s="469"/>
      <c r="T27" s="469"/>
      <c r="U27" s="469"/>
      <c r="V27" s="469"/>
      <c r="W27" s="206"/>
      <c r="X27" s="164"/>
      <c r="Y27" s="222" t="s">
        <v>161</v>
      </c>
      <c r="Z27" s="222" t="s">
        <v>220</v>
      </c>
      <c r="AA27" s="222" t="s">
        <v>161</v>
      </c>
      <c r="AB27" s="121"/>
      <c r="AC27" s="206"/>
      <c r="AD27" s="206"/>
      <c r="AE27" s="206"/>
    </row>
    <row r="28" spans="2:31" x14ac:dyDescent="0.15">
      <c r="B28" s="135"/>
      <c r="C28" s="214"/>
      <c r="D28" s="214"/>
      <c r="E28" s="214"/>
      <c r="F28" s="214"/>
      <c r="G28" s="214"/>
      <c r="H28" s="214"/>
      <c r="I28" s="214"/>
      <c r="J28" s="214"/>
      <c r="K28" s="214"/>
      <c r="L28" s="214"/>
      <c r="M28" s="214"/>
      <c r="N28" s="214"/>
      <c r="O28" s="214"/>
      <c r="P28" s="214"/>
      <c r="Q28" s="214"/>
      <c r="R28" s="214"/>
      <c r="S28" s="214"/>
      <c r="T28" s="214"/>
      <c r="U28" s="214"/>
      <c r="V28" s="214"/>
      <c r="W28" s="214"/>
      <c r="X28" s="211"/>
      <c r="Y28" s="212"/>
      <c r="Z28" s="212"/>
      <c r="AA28" s="212"/>
      <c r="AB28" s="213"/>
      <c r="AC28" s="206"/>
      <c r="AD28" s="206"/>
      <c r="AE28" s="206"/>
    </row>
    <row r="29" spans="2:31" x14ac:dyDescent="0.15">
      <c r="D29" s="206"/>
      <c r="E29" s="206"/>
      <c r="F29" s="206"/>
      <c r="G29" s="206"/>
      <c r="H29" s="206"/>
      <c r="I29" s="206"/>
      <c r="J29" s="206"/>
      <c r="K29" s="206"/>
      <c r="L29" s="206"/>
      <c r="M29" s="206"/>
      <c r="N29" s="206"/>
      <c r="O29" s="206"/>
      <c r="P29" s="206"/>
      <c r="Q29" s="206"/>
      <c r="R29" s="206"/>
      <c r="S29" s="206"/>
      <c r="T29" s="206"/>
      <c r="U29" s="206"/>
      <c r="V29" s="206"/>
      <c r="W29" s="206"/>
      <c r="X29" s="206"/>
      <c r="Y29" s="206"/>
      <c r="Z29" s="206"/>
      <c r="AA29" s="206"/>
      <c r="AB29" s="206"/>
      <c r="AC29" s="206"/>
    </row>
    <row r="30" spans="2:31" x14ac:dyDescent="0.15">
      <c r="B30" s="215" t="s">
        <v>259</v>
      </c>
    </row>
    <row r="31" spans="2:31" ht="4.5" customHeight="1" x14ac:dyDescent="0.15"/>
    <row r="32" spans="2:31" x14ac:dyDescent="0.15">
      <c r="B32" s="215" t="s">
        <v>247</v>
      </c>
    </row>
  </sheetData>
  <mergeCells count="14">
    <mergeCell ref="R27:V27"/>
    <mergeCell ref="B8:F8"/>
    <mergeCell ref="D25:M25"/>
    <mergeCell ref="N25:P25"/>
    <mergeCell ref="D26:M26"/>
    <mergeCell ref="N26:O26"/>
    <mergeCell ref="D27:M27"/>
    <mergeCell ref="N27:O27"/>
    <mergeCell ref="T3:U3"/>
    <mergeCell ref="W3:X3"/>
    <mergeCell ref="Z3:AA3"/>
    <mergeCell ref="B5:AB5"/>
    <mergeCell ref="B7:F7"/>
    <mergeCell ref="G7:AB7"/>
  </mergeCells>
  <phoneticPr fontId="2"/>
  <dataValidations count="1">
    <dataValidation type="list" allowBlank="1" showInputMessage="1" showErrorMessage="1" sqref="G8 L8 Q8 Y13 AA13 Y15:Y16 AA15:AA16 Y18:Y19 AA18:AA19 Y26:Y27 AA26:AA27">
      <formula1>"□,■"</formula1>
    </dataValidation>
  </dataValidations>
  <printOptions horizontalCentered="1"/>
  <pageMargins left="0.70866141732283472" right="0.39370078740157483" top="0.51181102362204722" bottom="0.35433070866141736" header="0.31496062992125984" footer="0.31496062992125984"/>
  <pageSetup paperSize="9" scale="95"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B1:AB66"/>
  <sheetViews>
    <sheetView view="pageBreakPreview" zoomScaleNormal="100" zoomScaleSheetLayoutView="100" workbookViewId="0">
      <selection activeCell="AK28" sqref="AK28"/>
    </sheetView>
  </sheetViews>
  <sheetFormatPr defaultColWidth="4" defaultRowHeight="13.5" x14ac:dyDescent="0.15"/>
  <cols>
    <col min="1" max="1" width="2.125" style="215" customWidth="1"/>
    <col min="2" max="2" width="2.375" style="215" customWidth="1"/>
    <col min="3" max="8" width="4" style="215" customWidth="1"/>
    <col min="9" max="20" width="4.625" style="215" customWidth="1"/>
    <col min="21" max="21" width="2.375" style="215" customWidth="1"/>
    <col min="22" max="24" width="3.25" style="215" customWidth="1"/>
    <col min="25" max="25" width="2.375" style="215" customWidth="1"/>
    <col min="26" max="26" width="2.125" style="215" customWidth="1"/>
    <col min="27" max="16384" width="4" style="215"/>
  </cols>
  <sheetData>
    <row r="1" spans="2:25" ht="6.75" customHeight="1" x14ac:dyDescent="0.15"/>
    <row r="2" spans="2:25" x14ac:dyDescent="0.15">
      <c r="B2" s="215" t="s">
        <v>260</v>
      </c>
    </row>
    <row r="3" spans="2:25" ht="15.75" customHeight="1" x14ac:dyDescent="0.15">
      <c r="P3" s="217" t="s">
        <v>169</v>
      </c>
      <c r="Q3" s="340"/>
      <c r="R3" s="340"/>
      <c r="S3" s="216" t="s">
        <v>37</v>
      </c>
      <c r="T3" s="340"/>
      <c r="U3" s="340"/>
      <c r="V3" s="216" t="s">
        <v>180</v>
      </c>
      <c r="W3" s="340"/>
      <c r="X3" s="340"/>
      <c r="Y3" s="216" t="s">
        <v>181</v>
      </c>
    </row>
    <row r="4" spans="2:25" ht="6" customHeight="1" x14ac:dyDescent="0.15"/>
    <row r="5" spans="2:25" ht="27.75" customHeight="1" x14ac:dyDescent="0.15">
      <c r="B5" s="481" t="s">
        <v>261</v>
      </c>
      <c r="C5" s="340"/>
      <c r="D5" s="340"/>
      <c r="E5" s="340"/>
      <c r="F5" s="340"/>
      <c r="G5" s="340"/>
      <c r="H5" s="340"/>
      <c r="I5" s="340"/>
      <c r="J5" s="340"/>
      <c r="K5" s="340"/>
      <c r="L5" s="340"/>
      <c r="M5" s="340"/>
      <c r="N5" s="340"/>
      <c r="O5" s="340"/>
      <c r="P5" s="340"/>
      <c r="Q5" s="340"/>
      <c r="R5" s="340"/>
      <c r="S5" s="340"/>
      <c r="T5" s="340"/>
      <c r="U5" s="340"/>
      <c r="V5" s="340"/>
      <c r="W5" s="340"/>
      <c r="X5" s="340"/>
      <c r="Y5" s="340"/>
    </row>
    <row r="6" spans="2:25" ht="5.25" customHeight="1" x14ac:dyDescent="0.15"/>
    <row r="7" spans="2:25" ht="23.25" customHeight="1" x14ac:dyDescent="0.15">
      <c r="B7" s="323" t="s">
        <v>262</v>
      </c>
      <c r="C7" s="324"/>
      <c r="D7" s="324"/>
      <c r="E7" s="324"/>
      <c r="F7" s="325"/>
      <c r="G7" s="435"/>
      <c r="H7" s="464"/>
      <c r="I7" s="464"/>
      <c r="J7" s="464"/>
      <c r="K7" s="464"/>
      <c r="L7" s="464"/>
      <c r="M7" s="464"/>
      <c r="N7" s="464"/>
      <c r="O7" s="464"/>
      <c r="P7" s="464"/>
      <c r="Q7" s="464"/>
      <c r="R7" s="464"/>
      <c r="S7" s="464"/>
      <c r="T7" s="464"/>
      <c r="U7" s="464"/>
      <c r="V7" s="464"/>
      <c r="W7" s="464"/>
      <c r="X7" s="464"/>
      <c r="Y7" s="465"/>
    </row>
    <row r="8" spans="2:25" ht="23.25" customHeight="1" x14ac:dyDescent="0.15">
      <c r="B8" s="323" t="s">
        <v>263</v>
      </c>
      <c r="C8" s="324"/>
      <c r="D8" s="324"/>
      <c r="E8" s="324"/>
      <c r="F8" s="325"/>
      <c r="G8" s="220" t="s">
        <v>161</v>
      </c>
      <c r="H8" s="221" t="s">
        <v>185</v>
      </c>
      <c r="I8" s="221"/>
      <c r="J8" s="221"/>
      <c r="K8" s="221"/>
      <c r="L8" s="222" t="s">
        <v>161</v>
      </c>
      <c r="M8" s="221" t="s">
        <v>186</v>
      </c>
      <c r="N8" s="221"/>
      <c r="O8" s="221"/>
      <c r="P8" s="221"/>
      <c r="Q8" s="222" t="s">
        <v>161</v>
      </c>
      <c r="R8" s="221" t="s">
        <v>187</v>
      </c>
      <c r="S8" s="221"/>
      <c r="T8" s="221"/>
      <c r="U8" s="97"/>
      <c r="V8" s="97"/>
      <c r="W8" s="97"/>
      <c r="X8" s="97"/>
      <c r="Y8" s="98"/>
    </row>
    <row r="9" spans="2:25" ht="23.25" customHeight="1" x14ac:dyDescent="0.15">
      <c r="B9" s="316" t="s">
        <v>264</v>
      </c>
      <c r="C9" s="317"/>
      <c r="D9" s="317"/>
      <c r="E9" s="317"/>
      <c r="F9" s="318"/>
      <c r="G9" s="222" t="s">
        <v>161</v>
      </c>
      <c r="H9" s="133" t="s">
        <v>265</v>
      </c>
      <c r="I9" s="133"/>
      <c r="J9" s="97"/>
      <c r="K9" s="97"/>
      <c r="L9" s="97"/>
      <c r="M9" s="97"/>
      <c r="N9" s="97"/>
      <c r="O9" s="222" t="s">
        <v>161</v>
      </c>
      <c r="P9" s="133" t="s">
        <v>190</v>
      </c>
      <c r="Q9" s="97"/>
      <c r="R9" s="97"/>
      <c r="S9" s="97"/>
      <c r="T9" s="97"/>
      <c r="U9" s="97"/>
      <c r="V9" s="97"/>
      <c r="W9" s="97"/>
      <c r="X9" s="97"/>
      <c r="Y9" s="98"/>
    </row>
    <row r="10" spans="2:25" ht="23.25" customHeight="1" x14ac:dyDescent="0.15">
      <c r="B10" s="472"/>
      <c r="C10" s="473"/>
      <c r="D10" s="473"/>
      <c r="E10" s="473"/>
      <c r="F10" s="474"/>
      <c r="G10" s="222" t="s">
        <v>161</v>
      </c>
      <c r="H10" s="206" t="s">
        <v>191</v>
      </c>
      <c r="I10" s="125"/>
      <c r="J10" s="125"/>
      <c r="K10" s="125"/>
      <c r="L10" s="125"/>
      <c r="M10" s="125"/>
      <c r="N10" s="125"/>
      <c r="O10" s="222" t="s">
        <v>161</v>
      </c>
      <c r="P10" s="206" t="s">
        <v>266</v>
      </c>
      <c r="Q10" s="125"/>
      <c r="R10" s="125"/>
      <c r="S10" s="125"/>
      <c r="T10" s="125"/>
      <c r="U10" s="125"/>
      <c r="V10" s="125"/>
      <c r="W10" s="125"/>
      <c r="X10" s="125"/>
      <c r="Y10" s="121"/>
    </row>
    <row r="11" spans="2:25" ht="23.25" customHeight="1" x14ac:dyDescent="0.15">
      <c r="B11" s="319"/>
      <c r="C11" s="320"/>
      <c r="D11" s="320"/>
      <c r="E11" s="320"/>
      <c r="F11" s="321"/>
      <c r="G11" s="225" t="s">
        <v>161</v>
      </c>
      <c r="H11" s="214" t="s">
        <v>267</v>
      </c>
      <c r="I11" s="89"/>
      <c r="J11" s="89"/>
      <c r="K11" s="89"/>
      <c r="L11" s="89"/>
      <c r="M11" s="89"/>
      <c r="N11" s="89"/>
      <c r="O11" s="89"/>
      <c r="P11" s="89"/>
      <c r="Q11" s="89"/>
      <c r="R11" s="89"/>
      <c r="S11" s="89"/>
      <c r="T11" s="89"/>
      <c r="U11" s="89"/>
      <c r="V11" s="89"/>
      <c r="W11" s="89"/>
      <c r="X11" s="89"/>
      <c r="Y11" s="162"/>
    </row>
    <row r="13" spans="2:25" ht="6" customHeight="1" x14ac:dyDescent="0.15">
      <c r="B13" s="132"/>
      <c r="C13" s="133"/>
      <c r="D13" s="133"/>
      <c r="E13" s="133"/>
      <c r="F13" s="133"/>
      <c r="G13" s="133"/>
      <c r="H13" s="133"/>
      <c r="I13" s="133"/>
      <c r="J13" s="133"/>
      <c r="K13" s="133"/>
      <c r="L13" s="133"/>
      <c r="M13" s="133"/>
      <c r="N13" s="133"/>
      <c r="O13" s="133"/>
      <c r="P13" s="133"/>
      <c r="Q13" s="133"/>
      <c r="R13" s="133"/>
      <c r="S13" s="133"/>
      <c r="T13" s="133"/>
      <c r="U13" s="132"/>
      <c r="V13" s="133"/>
      <c r="W13" s="133"/>
      <c r="X13" s="133"/>
      <c r="Y13" s="134"/>
    </row>
    <row r="14" spans="2:25" x14ac:dyDescent="0.15">
      <c r="B14" s="145" t="s">
        <v>268</v>
      </c>
      <c r="D14" s="206"/>
      <c r="E14" s="206"/>
      <c r="F14" s="206"/>
      <c r="G14" s="206"/>
      <c r="H14" s="206"/>
      <c r="I14" s="206"/>
      <c r="J14" s="206"/>
      <c r="K14" s="206"/>
      <c r="L14" s="206"/>
      <c r="M14" s="206"/>
      <c r="N14" s="206"/>
      <c r="O14" s="206"/>
      <c r="P14" s="206"/>
      <c r="Q14" s="206"/>
      <c r="R14" s="206"/>
      <c r="S14" s="206"/>
      <c r="T14" s="206"/>
      <c r="U14" s="145"/>
      <c r="V14" s="206"/>
      <c r="W14" s="206"/>
      <c r="X14" s="206"/>
      <c r="Y14" s="146"/>
    </row>
    <row r="15" spans="2:25" ht="6.75" customHeight="1" x14ac:dyDescent="0.15">
      <c r="B15" s="145"/>
      <c r="C15" s="206"/>
      <c r="D15" s="206"/>
      <c r="E15" s="206"/>
      <c r="F15" s="206"/>
      <c r="G15" s="206"/>
      <c r="H15" s="206"/>
      <c r="I15" s="206"/>
      <c r="J15" s="206"/>
      <c r="K15" s="206"/>
      <c r="L15" s="206"/>
      <c r="M15" s="206"/>
      <c r="N15" s="206"/>
      <c r="O15" s="206"/>
      <c r="P15" s="206"/>
      <c r="Q15" s="206"/>
      <c r="R15" s="206"/>
      <c r="S15" s="206"/>
      <c r="T15" s="206"/>
      <c r="U15" s="145"/>
      <c r="V15" s="206"/>
      <c r="W15" s="206"/>
      <c r="X15" s="206"/>
      <c r="Y15" s="146"/>
    </row>
    <row r="16" spans="2:25" x14ac:dyDescent="0.15">
      <c r="B16" s="145"/>
      <c r="C16" s="206" t="s">
        <v>269</v>
      </c>
      <c r="D16" s="206"/>
      <c r="E16" s="206"/>
      <c r="F16" s="206"/>
      <c r="G16" s="206"/>
      <c r="H16" s="206"/>
      <c r="I16" s="206"/>
      <c r="J16" s="206"/>
      <c r="K16" s="206"/>
      <c r="L16" s="206"/>
      <c r="M16" s="206"/>
      <c r="N16" s="206"/>
      <c r="O16" s="206"/>
      <c r="P16" s="206"/>
      <c r="Q16" s="206"/>
      <c r="R16" s="206"/>
      <c r="S16" s="206"/>
      <c r="T16" s="206"/>
      <c r="U16" s="145"/>
      <c r="V16" s="206"/>
      <c r="W16" s="206"/>
      <c r="X16" s="206"/>
      <c r="Y16" s="146"/>
    </row>
    <row r="17" spans="2:28" x14ac:dyDescent="0.15">
      <c r="B17" s="145"/>
      <c r="C17" s="206" t="s">
        <v>270</v>
      </c>
      <c r="D17" s="206"/>
      <c r="E17" s="206"/>
      <c r="F17" s="206"/>
      <c r="G17" s="206"/>
      <c r="H17" s="206"/>
      <c r="I17" s="206"/>
      <c r="J17" s="206"/>
      <c r="K17" s="206"/>
      <c r="L17" s="206"/>
      <c r="M17" s="206"/>
      <c r="N17" s="206"/>
      <c r="O17" s="206"/>
      <c r="P17" s="206"/>
      <c r="Q17" s="206"/>
      <c r="R17" s="206"/>
      <c r="S17" s="206"/>
      <c r="T17" s="206"/>
      <c r="U17" s="145"/>
      <c r="V17" s="228" t="s">
        <v>194</v>
      </c>
      <c r="W17" s="228" t="s">
        <v>220</v>
      </c>
      <c r="X17" s="228" t="s">
        <v>196</v>
      </c>
      <c r="Y17" s="146"/>
    </row>
    <row r="18" spans="2:28" ht="6" customHeight="1" x14ac:dyDescent="0.15">
      <c r="B18" s="145"/>
      <c r="C18" s="206"/>
      <c r="D18" s="206"/>
      <c r="E18" s="206"/>
      <c r="F18" s="206"/>
      <c r="G18" s="206"/>
      <c r="H18" s="206"/>
      <c r="I18" s="206"/>
      <c r="J18" s="206"/>
      <c r="K18" s="206"/>
      <c r="L18" s="206"/>
      <c r="M18" s="206"/>
      <c r="N18" s="206"/>
      <c r="O18" s="206"/>
      <c r="P18" s="206"/>
      <c r="Q18" s="206"/>
      <c r="R18" s="206"/>
      <c r="S18" s="206"/>
      <c r="T18" s="206"/>
      <c r="U18" s="145"/>
      <c r="V18" s="206"/>
      <c r="W18" s="206"/>
      <c r="X18" s="206"/>
      <c r="Y18" s="146"/>
    </row>
    <row r="19" spans="2:28" ht="18" customHeight="1" x14ac:dyDescent="0.15">
      <c r="B19" s="145"/>
      <c r="C19" s="206" t="s">
        <v>271</v>
      </c>
      <c r="D19" s="206"/>
      <c r="E19" s="206"/>
      <c r="F19" s="206"/>
      <c r="G19" s="206"/>
      <c r="H19" s="206"/>
      <c r="I19" s="206"/>
      <c r="J19" s="206"/>
      <c r="K19" s="206"/>
      <c r="L19" s="206"/>
      <c r="M19" s="206"/>
      <c r="N19" s="206"/>
      <c r="O19" s="206"/>
      <c r="P19" s="206"/>
      <c r="Q19" s="206"/>
      <c r="R19" s="206"/>
      <c r="S19" s="206"/>
      <c r="T19" s="206"/>
      <c r="U19" s="164"/>
      <c r="V19" s="222" t="s">
        <v>161</v>
      </c>
      <c r="W19" s="222" t="s">
        <v>220</v>
      </c>
      <c r="X19" s="222" t="s">
        <v>161</v>
      </c>
      <c r="Y19" s="121"/>
      <c r="Z19" s="206"/>
      <c r="AA19" s="206"/>
      <c r="AB19" s="206"/>
    </row>
    <row r="20" spans="2:28" ht="18" customHeight="1" x14ac:dyDescent="0.15">
      <c r="B20" s="145"/>
      <c r="C20" s="206" t="s">
        <v>272</v>
      </c>
      <c r="D20" s="206"/>
      <c r="E20" s="206"/>
      <c r="F20" s="206"/>
      <c r="G20" s="206"/>
      <c r="H20" s="206"/>
      <c r="I20" s="206"/>
      <c r="J20" s="206"/>
      <c r="K20" s="206"/>
      <c r="L20" s="206"/>
      <c r="M20" s="206"/>
      <c r="N20" s="206"/>
      <c r="O20" s="206"/>
      <c r="P20" s="206"/>
      <c r="Q20" s="206"/>
      <c r="R20" s="206"/>
      <c r="S20" s="206"/>
      <c r="T20" s="206"/>
      <c r="U20" s="164"/>
      <c r="V20" s="222" t="s">
        <v>161</v>
      </c>
      <c r="W20" s="222" t="s">
        <v>195</v>
      </c>
      <c r="X20" s="222" t="s">
        <v>161</v>
      </c>
      <c r="Y20" s="121"/>
      <c r="Z20" s="206"/>
      <c r="AA20" s="206"/>
      <c r="AB20" s="206"/>
    </row>
    <row r="21" spans="2:28" ht="18" customHeight="1" x14ac:dyDescent="0.15">
      <c r="B21" s="145"/>
      <c r="C21" s="206" t="s">
        <v>273</v>
      </c>
      <c r="D21" s="206"/>
      <c r="E21" s="206"/>
      <c r="F21" s="206"/>
      <c r="G21" s="206"/>
      <c r="H21" s="206"/>
      <c r="I21" s="206"/>
      <c r="J21" s="206"/>
      <c r="K21" s="206"/>
      <c r="L21" s="206"/>
      <c r="M21" s="206"/>
      <c r="N21" s="206"/>
      <c r="O21" s="206"/>
      <c r="P21" s="206"/>
      <c r="Q21" s="206"/>
      <c r="R21" s="206"/>
      <c r="S21" s="206"/>
      <c r="T21" s="206"/>
      <c r="U21" s="229"/>
      <c r="V21" s="124"/>
      <c r="W21" s="124"/>
      <c r="X21" s="124"/>
      <c r="Y21" s="163"/>
      <c r="Z21" s="206"/>
      <c r="AA21" s="206"/>
      <c r="AB21" s="206"/>
    </row>
    <row r="22" spans="2:28" ht="6.75" customHeight="1" x14ac:dyDescent="0.15">
      <c r="B22" s="145"/>
      <c r="C22" s="206"/>
      <c r="D22" s="206"/>
      <c r="E22" s="206"/>
      <c r="F22" s="206"/>
      <c r="G22" s="206"/>
      <c r="H22" s="206"/>
      <c r="I22" s="206"/>
      <c r="J22" s="206"/>
      <c r="K22" s="206"/>
      <c r="L22" s="206"/>
      <c r="M22" s="206"/>
      <c r="N22" s="206"/>
      <c r="O22" s="206"/>
      <c r="P22" s="206"/>
      <c r="Q22" s="206"/>
      <c r="R22" s="206"/>
      <c r="S22" s="206"/>
      <c r="T22" s="206"/>
      <c r="U22" s="229"/>
      <c r="V22" s="124"/>
      <c r="W22" s="124"/>
      <c r="X22" s="124"/>
      <c r="Y22" s="163"/>
      <c r="Z22" s="206"/>
      <c r="AA22" s="206"/>
      <c r="AB22" s="206"/>
    </row>
    <row r="23" spans="2:28" ht="14.25" customHeight="1" x14ac:dyDescent="0.15">
      <c r="B23" s="145"/>
      <c r="C23" s="206" t="s">
        <v>274</v>
      </c>
      <c r="D23" s="323" t="s">
        <v>275</v>
      </c>
      <c r="E23" s="324"/>
      <c r="F23" s="324"/>
      <c r="G23" s="324"/>
      <c r="H23" s="325"/>
      <c r="I23" s="219" t="s">
        <v>276</v>
      </c>
      <c r="J23" s="90"/>
      <c r="K23" s="90"/>
      <c r="L23" s="324"/>
      <c r="M23" s="324"/>
      <c r="N23" s="324"/>
      <c r="O23" s="208" t="s">
        <v>219</v>
      </c>
      <c r="P23" s="206"/>
      <c r="Q23" s="206"/>
      <c r="S23" s="206"/>
      <c r="T23" s="206"/>
      <c r="U23" s="229"/>
      <c r="V23" s="124"/>
      <c r="W23" s="124"/>
      <c r="X23" s="124"/>
      <c r="Y23" s="163"/>
      <c r="Z23" s="206"/>
      <c r="AA23" s="206"/>
      <c r="AB23" s="206"/>
    </row>
    <row r="24" spans="2:28" ht="7.5" customHeight="1" x14ac:dyDescent="0.15">
      <c r="B24" s="145"/>
      <c r="C24" s="206"/>
      <c r="D24" s="206"/>
      <c r="E24" s="206"/>
      <c r="F24" s="206"/>
      <c r="G24" s="206"/>
      <c r="H24" s="206"/>
      <c r="I24" s="206"/>
      <c r="J24" s="206"/>
      <c r="K24" s="206"/>
      <c r="L24" s="206"/>
      <c r="M24" s="206"/>
      <c r="N24" s="206"/>
      <c r="O24" s="206"/>
      <c r="P24" s="206"/>
      <c r="Q24" s="206"/>
      <c r="R24" s="206"/>
      <c r="S24" s="206"/>
      <c r="T24" s="206"/>
      <c r="U24" s="229"/>
      <c r="V24" s="124"/>
      <c r="W24" s="124"/>
      <c r="X24" s="124"/>
      <c r="Y24" s="163"/>
      <c r="Z24" s="206"/>
      <c r="AA24" s="206"/>
      <c r="AB24" s="206"/>
    </row>
    <row r="25" spans="2:28" ht="18" customHeight="1" x14ac:dyDescent="0.15">
      <c r="B25" s="145"/>
      <c r="C25" s="206" t="s">
        <v>277</v>
      </c>
      <c r="D25" s="206"/>
      <c r="E25" s="206"/>
      <c r="F25" s="206"/>
      <c r="G25" s="206"/>
      <c r="H25" s="206"/>
      <c r="I25" s="206"/>
      <c r="J25" s="206"/>
      <c r="K25" s="206"/>
      <c r="L25" s="206"/>
      <c r="M25" s="206"/>
      <c r="N25" s="206"/>
      <c r="O25" s="206"/>
      <c r="P25" s="206"/>
      <c r="Q25" s="206"/>
      <c r="R25" s="206"/>
      <c r="S25" s="206"/>
      <c r="T25" s="206"/>
      <c r="U25" s="164"/>
      <c r="V25" s="222" t="s">
        <v>161</v>
      </c>
      <c r="W25" s="222" t="s">
        <v>278</v>
      </c>
      <c r="X25" s="222" t="s">
        <v>161</v>
      </c>
      <c r="Y25" s="121"/>
      <c r="Z25" s="206"/>
      <c r="AA25" s="206"/>
      <c r="AB25" s="206"/>
    </row>
    <row r="26" spans="2:28" ht="18" customHeight="1" x14ac:dyDescent="0.15">
      <c r="B26" s="145"/>
      <c r="C26" s="206" t="s">
        <v>279</v>
      </c>
      <c r="D26" s="206"/>
      <c r="E26" s="206"/>
      <c r="F26" s="206"/>
      <c r="G26" s="206"/>
      <c r="H26" s="206"/>
      <c r="I26" s="206"/>
      <c r="J26" s="206"/>
      <c r="K26" s="206"/>
      <c r="L26" s="206"/>
      <c r="M26" s="206"/>
      <c r="N26" s="206"/>
      <c r="O26" s="206"/>
      <c r="P26" s="206"/>
      <c r="Q26" s="206"/>
      <c r="R26" s="206"/>
      <c r="S26" s="206"/>
      <c r="T26" s="206"/>
      <c r="U26" s="164"/>
      <c r="V26" s="125"/>
      <c r="W26" s="125"/>
      <c r="X26" s="125"/>
      <c r="Y26" s="121"/>
      <c r="Z26" s="206"/>
      <c r="AA26" s="206"/>
      <c r="AB26" s="206"/>
    </row>
    <row r="27" spans="2:28" ht="18" customHeight="1" x14ac:dyDescent="0.15">
      <c r="B27" s="145"/>
      <c r="C27" s="206" t="s">
        <v>280</v>
      </c>
      <c r="D27" s="206"/>
      <c r="E27" s="206"/>
      <c r="F27" s="206"/>
      <c r="G27" s="206"/>
      <c r="H27" s="206"/>
      <c r="I27" s="206"/>
      <c r="J27" s="206"/>
      <c r="K27" s="206"/>
      <c r="L27" s="206"/>
      <c r="M27" s="206"/>
      <c r="N27" s="206"/>
      <c r="O27" s="206"/>
      <c r="P27" s="206"/>
      <c r="Q27" s="206"/>
      <c r="R27" s="206"/>
      <c r="S27" s="206"/>
      <c r="T27" s="206" t="s">
        <v>281</v>
      </c>
      <c r="U27" s="164"/>
      <c r="V27" s="222" t="s">
        <v>161</v>
      </c>
      <c r="W27" s="222" t="s">
        <v>282</v>
      </c>
      <c r="X27" s="222" t="s">
        <v>161</v>
      </c>
      <c r="Y27" s="121"/>
      <c r="Z27" s="206"/>
      <c r="AA27" s="206"/>
      <c r="AB27" s="206"/>
    </row>
    <row r="28" spans="2:28" ht="18" customHeight="1" x14ac:dyDescent="0.15">
      <c r="B28" s="145"/>
      <c r="C28" s="206" t="s">
        <v>283</v>
      </c>
      <c r="D28" s="206"/>
      <c r="E28" s="206"/>
      <c r="F28" s="206"/>
      <c r="G28" s="206"/>
      <c r="H28" s="206"/>
      <c r="I28" s="206"/>
      <c r="J28" s="206"/>
      <c r="K28" s="206"/>
      <c r="L28" s="206"/>
      <c r="M28" s="206"/>
      <c r="N28" s="206"/>
      <c r="O28" s="206"/>
      <c r="P28" s="206"/>
      <c r="Q28" s="206"/>
      <c r="R28" s="206"/>
      <c r="S28" s="206"/>
      <c r="T28" s="206"/>
      <c r="U28" s="164"/>
      <c r="V28" s="222" t="s">
        <v>161</v>
      </c>
      <c r="W28" s="222" t="s">
        <v>284</v>
      </c>
      <c r="X28" s="222" t="s">
        <v>161</v>
      </c>
      <c r="Y28" s="121"/>
      <c r="Z28" s="206"/>
      <c r="AA28" s="206"/>
      <c r="AB28" s="206"/>
    </row>
    <row r="29" spans="2:28" ht="18" customHeight="1" x14ac:dyDescent="0.15">
      <c r="B29" s="145"/>
      <c r="C29" s="206" t="s">
        <v>285</v>
      </c>
      <c r="D29" s="206"/>
      <c r="E29" s="206"/>
      <c r="F29" s="206"/>
      <c r="G29" s="206"/>
      <c r="H29" s="206"/>
      <c r="I29" s="206"/>
      <c r="J29" s="206"/>
      <c r="K29" s="206"/>
      <c r="L29" s="206"/>
      <c r="M29" s="206"/>
      <c r="N29" s="206"/>
      <c r="O29" s="206"/>
      <c r="P29" s="206"/>
      <c r="Q29" s="206"/>
      <c r="R29" s="206"/>
      <c r="S29" s="206"/>
      <c r="T29" s="206"/>
      <c r="U29" s="164"/>
      <c r="V29" s="125"/>
      <c r="W29" s="125"/>
      <c r="X29" s="125"/>
      <c r="Y29" s="121"/>
      <c r="Z29" s="206"/>
      <c r="AA29" s="206"/>
      <c r="AB29" s="206"/>
    </row>
    <row r="30" spans="2:28" ht="18" customHeight="1" x14ac:dyDescent="0.15">
      <c r="B30" s="145"/>
      <c r="C30" s="206" t="s">
        <v>286</v>
      </c>
      <c r="D30" s="206"/>
      <c r="E30" s="206"/>
      <c r="F30" s="206"/>
      <c r="G30" s="206"/>
      <c r="H30" s="206"/>
      <c r="I30" s="206"/>
      <c r="J30" s="206"/>
      <c r="K30" s="206"/>
      <c r="L30" s="206"/>
      <c r="M30" s="206"/>
      <c r="N30" s="206"/>
      <c r="O30" s="206"/>
      <c r="P30" s="206"/>
      <c r="Q30" s="206"/>
      <c r="R30" s="206"/>
      <c r="S30" s="206"/>
      <c r="T30" s="206"/>
      <c r="U30" s="164"/>
      <c r="V30" s="222" t="s">
        <v>161</v>
      </c>
      <c r="W30" s="222" t="s">
        <v>195</v>
      </c>
      <c r="X30" s="222" t="s">
        <v>161</v>
      </c>
      <c r="Y30" s="121"/>
      <c r="Z30" s="206"/>
      <c r="AA30" s="206"/>
      <c r="AB30" s="206"/>
    </row>
    <row r="31" spans="2:28" ht="18" customHeight="1" x14ac:dyDescent="0.15">
      <c r="B31" s="145"/>
      <c r="C31" s="206" t="s">
        <v>287</v>
      </c>
      <c r="D31" s="206"/>
      <c r="E31" s="206"/>
      <c r="F31" s="206"/>
      <c r="G31" s="206"/>
      <c r="H31" s="206"/>
      <c r="I31" s="206"/>
      <c r="J31" s="206"/>
      <c r="K31" s="206"/>
      <c r="L31" s="206"/>
      <c r="M31" s="206"/>
      <c r="N31" s="206"/>
      <c r="O31" s="206"/>
      <c r="P31" s="206"/>
      <c r="Q31" s="206"/>
      <c r="R31" s="206"/>
      <c r="S31" s="206"/>
      <c r="T31" s="206"/>
      <c r="U31" s="164"/>
      <c r="V31" s="222" t="s">
        <v>161</v>
      </c>
      <c r="W31" s="222" t="s">
        <v>288</v>
      </c>
      <c r="X31" s="222" t="s">
        <v>161</v>
      </c>
      <c r="Y31" s="121"/>
      <c r="Z31" s="206"/>
      <c r="AA31" s="206"/>
      <c r="AB31" s="206"/>
    </row>
    <row r="32" spans="2:28" ht="18" customHeight="1" x14ac:dyDescent="0.15">
      <c r="B32" s="145"/>
      <c r="C32" s="206" t="s">
        <v>289</v>
      </c>
      <c r="D32" s="206"/>
      <c r="E32" s="206"/>
      <c r="F32" s="206"/>
      <c r="G32" s="206"/>
      <c r="H32" s="206"/>
      <c r="I32" s="206"/>
      <c r="J32" s="206"/>
      <c r="K32" s="206"/>
      <c r="L32" s="206"/>
      <c r="M32" s="206"/>
      <c r="N32" s="206"/>
      <c r="O32" s="206"/>
      <c r="P32" s="206"/>
      <c r="Q32" s="206"/>
      <c r="R32" s="206"/>
      <c r="S32" s="206"/>
      <c r="T32" s="206"/>
      <c r="U32" s="164"/>
      <c r="V32" s="125"/>
      <c r="W32" s="125"/>
      <c r="X32" s="125"/>
      <c r="Y32" s="121"/>
      <c r="Z32" s="206"/>
      <c r="AA32" s="206"/>
      <c r="AB32" s="206"/>
    </row>
    <row r="33" spans="2:28" ht="18" customHeight="1" x14ac:dyDescent="0.15">
      <c r="B33" s="145"/>
      <c r="C33" s="206" t="s">
        <v>290</v>
      </c>
      <c r="D33" s="206"/>
      <c r="E33" s="206"/>
      <c r="F33" s="206"/>
      <c r="G33" s="206"/>
      <c r="H33" s="206"/>
      <c r="I33" s="206"/>
      <c r="J33" s="206"/>
      <c r="K33" s="206"/>
      <c r="L33" s="206"/>
      <c r="M33" s="206"/>
      <c r="N33" s="206"/>
      <c r="O33" s="206"/>
      <c r="P33" s="206"/>
      <c r="Q33" s="206"/>
      <c r="R33" s="206"/>
      <c r="S33" s="206"/>
      <c r="T33" s="206"/>
      <c r="U33" s="164"/>
      <c r="V33" s="222" t="s">
        <v>161</v>
      </c>
      <c r="W33" s="222" t="s">
        <v>220</v>
      </c>
      <c r="X33" s="222" t="s">
        <v>161</v>
      </c>
      <c r="Y33" s="121"/>
      <c r="Z33" s="206"/>
      <c r="AA33" s="206"/>
      <c r="AB33" s="206"/>
    </row>
    <row r="34" spans="2:28" ht="18" customHeight="1" x14ac:dyDescent="0.15">
      <c r="B34" s="145"/>
      <c r="C34" s="206" t="s">
        <v>291</v>
      </c>
      <c r="D34" s="206"/>
      <c r="E34" s="206"/>
      <c r="F34" s="206"/>
      <c r="G34" s="206"/>
      <c r="H34" s="206"/>
      <c r="I34" s="206"/>
      <c r="J34" s="206"/>
      <c r="K34" s="206"/>
      <c r="L34" s="206"/>
      <c r="M34" s="206"/>
      <c r="N34" s="206"/>
      <c r="O34" s="206"/>
      <c r="P34" s="206"/>
      <c r="Q34" s="206"/>
      <c r="R34" s="206"/>
      <c r="S34" s="206"/>
      <c r="T34" s="206"/>
      <c r="U34" s="164"/>
      <c r="V34" s="222" t="s">
        <v>161</v>
      </c>
      <c r="W34" s="222" t="s">
        <v>292</v>
      </c>
      <c r="X34" s="222" t="s">
        <v>161</v>
      </c>
      <c r="Y34" s="121"/>
      <c r="Z34" s="206"/>
      <c r="AA34" s="206"/>
      <c r="AB34" s="206"/>
    </row>
    <row r="35" spans="2:28" ht="18" customHeight="1" x14ac:dyDescent="0.15">
      <c r="B35" s="145"/>
      <c r="C35" s="206" t="s">
        <v>293</v>
      </c>
      <c r="D35" s="206"/>
      <c r="E35" s="206"/>
      <c r="F35" s="206"/>
      <c r="G35" s="206"/>
      <c r="H35" s="206"/>
      <c r="I35" s="206"/>
      <c r="J35" s="206"/>
      <c r="K35" s="206"/>
      <c r="L35" s="206"/>
      <c r="M35" s="206"/>
      <c r="N35" s="206"/>
      <c r="O35" s="206"/>
      <c r="P35" s="206"/>
      <c r="Q35" s="206"/>
      <c r="R35" s="206"/>
      <c r="S35" s="206"/>
      <c r="T35" s="206"/>
      <c r="U35" s="164"/>
      <c r="V35" s="125"/>
      <c r="W35" s="125"/>
      <c r="X35" s="125"/>
      <c r="Y35" s="121"/>
      <c r="Z35" s="206"/>
      <c r="AA35" s="206"/>
      <c r="AB35" s="206"/>
    </row>
    <row r="36" spans="2:28" ht="18" customHeight="1" x14ac:dyDescent="0.15">
      <c r="B36" s="145"/>
      <c r="C36" s="206"/>
      <c r="D36" s="206" t="s">
        <v>294</v>
      </c>
      <c r="E36" s="206"/>
      <c r="F36" s="206"/>
      <c r="G36" s="206"/>
      <c r="H36" s="206"/>
      <c r="I36" s="206"/>
      <c r="J36" s="206"/>
      <c r="K36" s="206"/>
      <c r="L36" s="206"/>
      <c r="M36" s="206"/>
      <c r="N36" s="206"/>
      <c r="O36" s="206"/>
      <c r="P36" s="206"/>
      <c r="Q36" s="206"/>
      <c r="R36" s="206"/>
      <c r="S36" s="206"/>
      <c r="T36" s="206"/>
      <c r="U36" s="164"/>
      <c r="V36" s="222" t="s">
        <v>161</v>
      </c>
      <c r="W36" s="222" t="s">
        <v>282</v>
      </c>
      <c r="X36" s="222" t="s">
        <v>161</v>
      </c>
      <c r="Y36" s="121"/>
      <c r="Z36" s="206"/>
      <c r="AA36" s="206"/>
      <c r="AB36" s="206"/>
    </row>
    <row r="37" spans="2:28" ht="18" customHeight="1" x14ac:dyDescent="0.15">
      <c r="B37" s="145"/>
      <c r="C37" s="206"/>
      <c r="D37" s="206" t="s">
        <v>295</v>
      </c>
      <c r="E37" s="206"/>
      <c r="F37" s="206"/>
      <c r="G37" s="206"/>
      <c r="H37" s="206"/>
      <c r="I37" s="206"/>
      <c r="J37" s="206"/>
      <c r="K37" s="206"/>
      <c r="L37" s="206"/>
      <c r="M37" s="206"/>
      <c r="N37" s="206"/>
      <c r="O37" s="206"/>
      <c r="P37" s="206"/>
      <c r="Q37" s="206"/>
      <c r="R37" s="206"/>
      <c r="S37" s="206"/>
      <c r="T37" s="206"/>
      <c r="U37" s="164"/>
      <c r="V37" s="222" t="s">
        <v>161</v>
      </c>
      <c r="W37" s="222" t="s">
        <v>292</v>
      </c>
      <c r="X37" s="222" t="s">
        <v>161</v>
      </c>
      <c r="Y37" s="121"/>
      <c r="Z37" s="206"/>
      <c r="AA37" s="206"/>
      <c r="AB37" s="206"/>
    </row>
    <row r="38" spans="2:28" ht="18" customHeight="1" x14ac:dyDescent="0.15">
      <c r="B38" s="145"/>
      <c r="C38" s="206" t="s">
        <v>296</v>
      </c>
      <c r="D38" s="206"/>
      <c r="E38" s="206"/>
      <c r="F38" s="206"/>
      <c r="G38" s="206"/>
      <c r="H38" s="206"/>
      <c r="I38" s="206"/>
      <c r="J38" s="206"/>
      <c r="K38" s="206"/>
      <c r="L38" s="206"/>
      <c r="M38" s="206"/>
      <c r="N38" s="206"/>
      <c r="O38" s="206"/>
      <c r="P38" s="206"/>
      <c r="Q38" s="206"/>
      <c r="R38" s="206"/>
      <c r="S38" s="206"/>
      <c r="T38" s="206"/>
      <c r="U38" s="164"/>
      <c r="V38" s="233"/>
      <c r="W38" s="124" t="s">
        <v>220</v>
      </c>
      <c r="X38" s="233"/>
      <c r="Y38" s="121"/>
      <c r="Z38" s="206"/>
      <c r="AA38" s="206"/>
      <c r="AB38" s="206"/>
    </row>
    <row r="39" spans="2:28" ht="18" customHeight="1" x14ac:dyDescent="0.15">
      <c r="B39" s="145"/>
      <c r="C39" s="206" t="s">
        <v>297</v>
      </c>
      <c r="D39" s="206"/>
      <c r="E39" s="206"/>
      <c r="F39" s="206"/>
      <c r="G39" s="206"/>
      <c r="H39" s="206"/>
      <c r="I39" s="206"/>
      <c r="J39" s="206"/>
      <c r="K39" s="206"/>
      <c r="L39" s="206"/>
      <c r="M39" s="206"/>
      <c r="N39" s="206"/>
      <c r="O39" s="206"/>
      <c r="P39" s="206"/>
      <c r="Q39" s="206"/>
      <c r="R39" s="206"/>
      <c r="S39" s="206"/>
      <c r="T39" s="206"/>
      <c r="U39" s="164"/>
      <c r="V39" s="125"/>
      <c r="W39" s="125"/>
      <c r="X39" s="125"/>
      <c r="Y39" s="121"/>
      <c r="Z39" s="206"/>
      <c r="AA39" s="206"/>
      <c r="AB39" s="206"/>
    </row>
    <row r="40" spans="2:28" ht="18" customHeight="1" x14ac:dyDescent="0.15">
      <c r="B40" s="145"/>
      <c r="C40" s="206" t="s">
        <v>298</v>
      </c>
      <c r="D40" s="206"/>
      <c r="E40" s="206"/>
      <c r="F40" s="206"/>
      <c r="G40" s="206"/>
      <c r="H40" s="206"/>
      <c r="I40" s="206"/>
      <c r="J40" s="206"/>
      <c r="K40" s="206"/>
      <c r="L40" s="206"/>
      <c r="M40" s="206"/>
      <c r="N40" s="206"/>
      <c r="O40" s="206"/>
      <c r="P40" s="206"/>
      <c r="Q40" s="206"/>
      <c r="R40" s="206"/>
      <c r="S40" s="206"/>
      <c r="T40" s="206"/>
      <c r="U40" s="164"/>
      <c r="V40" s="222" t="s">
        <v>161</v>
      </c>
      <c r="W40" s="222" t="s">
        <v>220</v>
      </c>
      <c r="X40" s="222" t="s">
        <v>161</v>
      </c>
      <c r="Y40" s="121"/>
      <c r="Z40" s="206"/>
      <c r="AA40" s="206"/>
      <c r="AB40" s="206"/>
    </row>
    <row r="41" spans="2:28" ht="18" customHeight="1" x14ac:dyDescent="0.15">
      <c r="B41" s="145"/>
      <c r="C41" s="206" t="s">
        <v>299</v>
      </c>
      <c r="D41" s="206"/>
      <c r="E41" s="206"/>
      <c r="F41" s="206"/>
      <c r="G41" s="206"/>
      <c r="H41" s="206"/>
      <c r="I41" s="206"/>
      <c r="J41" s="206"/>
      <c r="K41" s="206"/>
      <c r="L41" s="206"/>
      <c r="M41" s="206"/>
      <c r="N41" s="206"/>
      <c r="O41" s="206"/>
      <c r="P41" s="206"/>
      <c r="Q41" s="206"/>
      <c r="R41" s="206"/>
      <c r="S41" s="206"/>
      <c r="T41" s="206"/>
      <c r="U41" s="229"/>
      <c r="V41" s="124"/>
      <c r="W41" s="124"/>
      <c r="X41" s="124"/>
      <c r="Y41" s="163"/>
      <c r="Z41" s="206"/>
      <c r="AA41" s="206"/>
      <c r="AB41" s="206"/>
    </row>
    <row r="42" spans="2:28" ht="18" customHeight="1" x14ac:dyDescent="0.15">
      <c r="B42" s="145"/>
      <c r="C42" s="206" t="s">
        <v>300</v>
      </c>
      <c r="D42" s="206"/>
      <c r="E42" s="206"/>
      <c r="F42" s="206"/>
      <c r="G42" s="206"/>
      <c r="H42" s="206"/>
      <c r="I42" s="206"/>
      <c r="J42" s="206"/>
      <c r="K42" s="206"/>
      <c r="L42" s="206"/>
      <c r="M42" s="206"/>
      <c r="N42" s="206"/>
      <c r="O42" s="206"/>
      <c r="P42" s="206"/>
      <c r="Q42" s="206"/>
      <c r="R42" s="206"/>
      <c r="S42" s="206"/>
      <c r="T42" s="206"/>
      <c r="U42" s="164"/>
      <c r="V42" s="222" t="s">
        <v>161</v>
      </c>
      <c r="W42" s="222" t="s">
        <v>282</v>
      </c>
      <c r="X42" s="222" t="s">
        <v>161</v>
      </c>
      <c r="Y42" s="121"/>
      <c r="Z42" s="206"/>
      <c r="AA42" s="206"/>
      <c r="AB42" s="206"/>
    </row>
    <row r="43" spans="2:28" ht="18" customHeight="1" x14ac:dyDescent="0.15">
      <c r="B43" s="145"/>
      <c r="C43" s="206" t="s">
        <v>301</v>
      </c>
      <c r="D43" s="206"/>
      <c r="E43" s="206"/>
      <c r="F43" s="206"/>
      <c r="G43" s="206"/>
      <c r="H43" s="206"/>
      <c r="I43" s="206"/>
      <c r="J43" s="206"/>
      <c r="K43" s="206"/>
      <c r="L43" s="206"/>
      <c r="M43" s="206"/>
      <c r="N43" s="206"/>
      <c r="O43" s="206"/>
      <c r="P43" s="206"/>
      <c r="Q43" s="206"/>
      <c r="R43" s="206"/>
      <c r="S43" s="206"/>
      <c r="T43" s="206"/>
      <c r="U43" s="229"/>
      <c r="V43" s="124"/>
      <c r="W43" s="124"/>
      <c r="X43" s="124"/>
      <c r="Y43" s="163"/>
      <c r="Z43" s="206"/>
      <c r="AA43" s="206"/>
      <c r="AB43" s="206"/>
    </row>
    <row r="44" spans="2:28" ht="18" customHeight="1" x14ac:dyDescent="0.15">
      <c r="B44" s="145"/>
      <c r="C44" s="206" t="s">
        <v>302</v>
      </c>
      <c r="D44" s="206"/>
      <c r="E44" s="206"/>
      <c r="F44" s="206"/>
      <c r="G44" s="206"/>
      <c r="H44" s="206"/>
      <c r="I44" s="206"/>
      <c r="J44" s="206"/>
      <c r="K44" s="206"/>
      <c r="L44" s="206"/>
      <c r="M44" s="206"/>
      <c r="N44" s="206"/>
      <c r="O44" s="206"/>
      <c r="P44" s="206"/>
      <c r="Q44" s="206"/>
      <c r="R44" s="206"/>
      <c r="S44" s="206"/>
      <c r="T44" s="206"/>
      <c r="U44" s="229"/>
      <c r="V44" s="124"/>
      <c r="W44" s="124"/>
      <c r="X44" s="124"/>
      <c r="Y44" s="163"/>
      <c r="Z44" s="206"/>
      <c r="AA44" s="206"/>
      <c r="AB44" s="206"/>
    </row>
    <row r="45" spans="2:28" ht="15" customHeight="1" x14ac:dyDescent="0.15">
      <c r="B45" s="145"/>
      <c r="C45" s="206"/>
      <c r="D45" s="206"/>
      <c r="E45" s="206"/>
      <c r="F45" s="206"/>
      <c r="G45" s="206"/>
      <c r="H45" s="206"/>
      <c r="I45" s="206"/>
      <c r="J45" s="206"/>
      <c r="K45" s="206"/>
      <c r="L45" s="206"/>
      <c r="M45" s="206"/>
      <c r="N45" s="206"/>
      <c r="O45" s="206"/>
      <c r="P45" s="206"/>
      <c r="Q45" s="206"/>
      <c r="R45" s="206"/>
      <c r="S45" s="206"/>
      <c r="T45" s="206"/>
      <c r="U45" s="145"/>
      <c r="V45" s="206"/>
      <c r="W45" s="206"/>
      <c r="X45" s="206"/>
      <c r="Y45" s="146"/>
    </row>
    <row r="46" spans="2:28" ht="15" customHeight="1" x14ac:dyDescent="0.15">
      <c r="B46" s="145" t="s">
        <v>303</v>
      </c>
      <c r="C46" s="206"/>
      <c r="D46" s="206"/>
      <c r="E46" s="206"/>
      <c r="F46" s="206"/>
      <c r="G46" s="206"/>
      <c r="H46" s="206"/>
      <c r="I46" s="206"/>
      <c r="J46" s="206"/>
      <c r="K46" s="206"/>
      <c r="L46" s="206"/>
      <c r="M46" s="206"/>
      <c r="N46" s="206"/>
      <c r="O46" s="206"/>
      <c r="P46" s="206"/>
      <c r="Q46" s="206"/>
      <c r="R46" s="206"/>
      <c r="S46" s="206"/>
      <c r="T46" s="206"/>
      <c r="U46" s="229"/>
      <c r="V46" s="228" t="s">
        <v>194</v>
      </c>
      <c r="W46" s="228" t="s">
        <v>195</v>
      </c>
      <c r="X46" s="228" t="s">
        <v>196</v>
      </c>
      <c r="Y46" s="163"/>
      <c r="Z46" s="206"/>
      <c r="AA46" s="206"/>
      <c r="AB46" s="206"/>
    </row>
    <row r="47" spans="2:28" ht="6.75" customHeight="1" x14ac:dyDescent="0.15">
      <c r="B47" s="145"/>
      <c r="C47" s="206"/>
      <c r="D47" s="206"/>
      <c r="E47" s="206"/>
      <c r="F47" s="206"/>
      <c r="G47" s="206"/>
      <c r="H47" s="206"/>
      <c r="I47" s="206"/>
      <c r="J47" s="206"/>
      <c r="K47" s="206"/>
      <c r="L47" s="206"/>
      <c r="M47" s="206"/>
      <c r="N47" s="206"/>
      <c r="O47" s="206"/>
      <c r="P47" s="206"/>
      <c r="Q47" s="206"/>
      <c r="R47" s="206"/>
      <c r="S47" s="206"/>
      <c r="T47" s="206"/>
      <c r="U47" s="229"/>
      <c r="V47" s="124"/>
      <c r="W47" s="124"/>
      <c r="X47" s="124"/>
      <c r="Y47" s="163"/>
      <c r="Z47" s="206"/>
      <c r="AA47" s="206"/>
      <c r="AB47" s="206"/>
    </row>
    <row r="48" spans="2:28" ht="18" customHeight="1" x14ac:dyDescent="0.15">
      <c r="B48" s="145"/>
      <c r="C48" s="206" t="s">
        <v>304</v>
      </c>
      <c r="D48" s="206"/>
      <c r="E48" s="206"/>
      <c r="F48" s="206"/>
      <c r="G48" s="206"/>
      <c r="H48" s="206"/>
      <c r="I48" s="206"/>
      <c r="J48" s="206"/>
      <c r="K48" s="206"/>
      <c r="L48" s="206"/>
      <c r="M48" s="206"/>
      <c r="N48" s="206"/>
      <c r="O48" s="206"/>
      <c r="P48" s="206"/>
      <c r="Q48" s="206"/>
      <c r="R48" s="206"/>
      <c r="S48" s="206"/>
      <c r="T48" s="206"/>
      <c r="U48" s="164"/>
      <c r="V48" s="222" t="s">
        <v>161</v>
      </c>
      <c r="W48" s="222" t="s">
        <v>195</v>
      </c>
      <c r="X48" s="222" t="s">
        <v>161</v>
      </c>
      <c r="Y48" s="121"/>
    </row>
    <row r="49" spans="2:28" ht="18" customHeight="1" x14ac:dyDescent="0.15">
      <c r="B49" s="145"/>
      <c r="C49" s="206" t="s">
        <v>305</v>
      </c>
      <c r="D49" s="206"/>
      <c r="E49" s="206"/>
      <c r="F49" s="206"/>
      <c r="G49" s="206"/>
      <c r="H49" s="206"/>
      <c r="I49" s="206"/>
      <c r="J49" s="206"/>
      <c r="K49" s="206"/>
      <c r="L49" s="206"/>
      <c r="M49" s="206"/>
      <c r="N49" s="206"/>
      <c r="O49" s="206"/>
      <c r="P49" s="206"/>
      <c r="Q49" s="206"/>
      <c r="R49" s="206"/>
      <c r="S49" s="206"/>
      <c r="T49" s="206"/>
      <c r="U49" s="145"/>
      <c r="V49" s="206"/>
      <c r="W49" s="206"/>
      <c r="X49" s="206"/>
      <c r="Y49" s="146"/>
    </row>
    <row r="50" spans="2:28" ht="18" customHeight="1" x14ac:dyDescent="0.15">
      <c r="B50" s="145"/>
      <c r="C50" s="206" t="s">
        <v>306</v>
      </c>
      <c r="D50" s="206"/>
      <c r="E50" s="206"/>
      <c r="F50" s="206"/>
      <c r="G50" s="206"/>
      <c r="H50" s="206"/>
      <c r="I50" s="206"/>
      <c r="J50" s="206"/>
      <c r="K50" s="206"/>
      <c r="L50" s="206"/>
      <c r="M50" s="206"/>
      <c r="N50" s="206"/>
      <c r="O50" s="206"/>
      <c r="P50" s="206"/>
      <c r="Q50" s="206"/>
      <c r="R50" s="206"/>
      <c r="S50" s="206"/>
      <c r="T50" s="206"/>
      <c r="U50" s="164"/>
      <c r="V50" s="222" t="s">
        <v>161</v>
      </c>
      <c r="W50" s="222" t="s">
        <v>198</v>
      </c>
      <c r="X50" s="222" t="s">
        <v>161</v>
      </c>
      <c r="Y50" s="121"/>
    </row>
    <row r="51" spans="2:28" ht="18" customHeight="1" x14ac:dyDescent="0.15">
      <c r="B51" s="145"/>
      <c r="C51" s="206" t="s">
        <v>307</v>
      </c>
      <c r="D51" s="206"/>
      <c r="E51" s="206"/>
      <c r="F51" s="206"/>
      <c r="G51" s="206"/>
      <c r="H51" s="206"/>
      <c r="I51" s="206"/>
      <c r="J51" s="206"/>
      <c r="K51" s="206"/>
      <c r="L51" s="206"/>
      <c r="M51" s="206"/>
      <c r="N51" s="206"/>
      <c r="O51" s="206"/>
      <c r="P51" s="206"/>
      <c r="Q51" s="206"/>
      <c r="R51" s="206"/>
      <c r="S51" s="206"/>
      <c r="T51" s="206"/>
      <c r="U51" s="164"/>
      <c r="V51" s="222" t="s">
        <v>161</v>
      </c>
      <c r="W51" s="222" t="s">
        <v>198</v>
      </c>
      <c r="X51" s="222" t="s">
        <v>161</v>
      </c>
      <c r="Y51" s="121"/>
      <c r="Z51" s="206"/>
      <c r="AA51" s="206"/>
      <c r="AB51" s="206"/>
    </row>
    <row r="52" spans="2:28" ht="8.25" customHeight="1" x14ac:dyDescent="0.15">
      <c r="B52" s="135"/>
      <c r="C52" s="214"/>
      <c r="D52" s="214"/>
      <c r="E52" s="214"/>
      <c r="F52" s="214"/>
      <c r="G52" s="214"/>
      <c r="H52" s="214"/>
      <c r="I52" s="214"/>
      <c r="J52" s="214"/>
      <c r="K52" s="214"/>
      <c r="L52" s="214"/>
      <c r="M52" s="214"/>
      <c r="N52" s="214"/>
      <c r="O52" s="214"/>
      <c r="P52" s="214"/>
      <c r="Q52" s="214"/>
      <c r="R52" s="214"/>
      <c r="S52" s="214"/>
      <c r="T52" s="214"/>
      <c r="U52" s="319"/>
      <c r="V52" s="320"/>
      <c r="W52" s="320"/>
      <c r="X52" s="320"/>
      <c r="Y52" s="321"/>
      <c r="Z52" s="206"/>
      <c r="AA52" s="206"/>
      <c r="AB52" s="206"/>
    </row>
    <row r="53" spans="2:28" x14ac:dyDescent="0.15">
      <c r="B53" s="215" t="s">
        <v>308</v>
      </c>
    </row>
    <row r="54" spans="2:28" ht="14.25" customHeight="1" x14ac:dyDescent="0.15">
      <c r="B54" s="215" t="s">
        <v>309</v>
      </c>
    </row>
    <row r="55" spans="2:28" ht="14.25" customHeight="1" x14ac:dyDescent="0.15">
      <c r="B55" s="215" t="s">
        <v>310</v>
      </c>
    </row>
    <row r="56" spans="2:28" ht="9" customHeight="1" x14ac:dyDescent="0.15">
      <c r="B56" s="132"/>
      <c r="C56" s="133"/>
      <c r="D56" s="133"/>
      <c r="E56" s="133"/>
      <c r="F56" s="133"/>
      <c r="G56" s="133"/>
      <c r="H56" s="133"/>
      <c r="I56" s="133"/>
      <c r="J56" s="133"/>
      <c r="K56" s="133"/>
      <c r="L56" s="133"/>
      <c r="M56" s="133"/>
      <c r="N56" s="133"/>
      <c r="O56" s="133"/>
      <c r="P56" s="133"/>
      <c r="Q56" s="133"/>
      <c r="R56" s="133"/>
      <c r="S56" s="133"/>
      <c r="T56" s="133"/>
      <c r="U56" s="132"/>
      <c r="V56" s="133"/>
      <c r="W56" s="133"/>
      <c r="X56" s="133"/>
      <c r="Y56" s="134"/>
    </row>
    <row r="57" spans="2:28" x14ac:dyDescent="0.15">
      <c r="B57" s="145" t="s">
        <v>311</v>
      </c>
      <c r="C57" s="206"/>
      <c r="D57" s="206"/>
      <c r="E57" s="206"/>
      <c r="F57" s="206"/>
      <c r="G57" s="206"/>
      <c r="H57" s="206"/>
      <c r="I57" s="206"/>
      <c r="J57" s="206"/>
      <c r="K57" s="206"/>
      <c r="L57" s="206"/>
      <c r="M57" s="206"/>
      <c r="N57" s="206"/>
      <c r="O57" s="206"/>
      <c r="P57" s="206"/>
      <c r="Q57" s="206"/>
      <c r="R57" s="206"/>
      <c r="S57" s="206"/>
      <c r="T57" s="206"/>
      <c r="U57" s="145"/>
      <c r="V57" s="228" t="s">
        <v>194</v>
      </c>
      <c r="W57" s="228" t="s">
        <v>198</v>
      </c>
      <c r="X57" s="228" t="s">
        <v>196</v>
      </c>
      <c r="Y57" s="146"/>
    </row>
    <row r="58" spans="2:28" ht="6.75" customHeight="1" x14ac:dyDescent="0.15">
      <c r="B58" s="145"/>
      <c r="C58" s="206"/>
      <c r="D58" s="206"/>
      <c r="E58" s="206"/>
      <c r="F58" s="206"/>
      <c r="G58" s="206"/>
      <c r="H58" s="206"/>
      <c r="I58" s="206"/>
      <c r="J58" s="206"/>
      <c r="K58" s="206"/>
      <c r="L58" s="206"/>
      <c r="M58" s="206"/>
      <c r="N58" s="206"/>
      <c r="O58" s="206"/>
      <c r="P58" s="206"/>
      <c r="Q58" s="206"/>
      <c r="R58" s="206"/>
      <c r="S58" s="206"/>
      <c r="T58" s="206"/>
      <c r="U58" s="145"/>
      <c r="V58" s="206"/>
      <c r="W58" s="206"/>
      <c r="X58" s="206"/>
      <c r="Y58" s="146"/>
    </row>
    <row r="59" spans="2:28" ht="18" customHeight="1" x14ac:dyDescent="0.15">
      <c r="B59" s="145"/>
      <c r="C59" s="206" t="s">
        <v>312</v>
      </c>
      <c r="D59" s="206"/>
      <c r="E59" s="206"/>
      <c r="F59" s="206"/>
      <c r="G59" s="206"/>
      <c r="H59" s="206"/>
      <c r="I59" s="206"/>
      <c r="J59" s="206"/>
      <c r="K59" s="206"/>
      <c r="L59" s="206"/>
      <c r="M59" s="206"/>
      <c r="N59" s="206"/>
      <c r="O59" s="206"/>
      <c r="P59" s="206"/>
      <c r="Q59" s="206"/>
      <c r="R59" s="206"/>
      <c r="S59" s="206"/>
      <c r="T59" s="206"/>
      <c r="U59" s="164"/>
      <c r="V59" s="222" t="s">
        <v>161</v>
      </c>
      <c r="W59" s="222" t="s">
        <v>278</v>
      </c>
      <c r="X59" s="222" t="s">
        <v>161</v>
      </c>
      <c r="Y59" s="121"/>
    </row>
    <row r="60" spans="2:28" ht="18" customHeight="1" x14ac:dyDescent="0.15">
      <c r="B60" s="145"/>
      <c r="C60" s="206" t="s">
        <v>313</v>
      </c>
      <c r="D60" s="206"/>
      <c r="E60" s="206"/>
      <c r="F60" s="206"/>
      <c r="G60" s="206"/>
      <c r="H60" s="206"/>
      <c r="I60" s="206"/>
      <c r="J60" s="206"/>
      <c r="K60" s="206"/>
      <c r="L60" s="206"/>
      <c r="M60" s="206"/>
      <c r="N60" s="206"/>
      <c r="O60" s="206"/>
      <c r="P60" s="206"/>
      <c r="Q60" s="206"/>
      <c r="R60" s="206"/>
      <c r="S60" s="206"/>
      <c r="T60" s="206"/>
      <c r="U60" s="145"/>
      <c r="V60" s="206"/>
      <c r="W60" s="206"/>
      <c r="X60" s="206"/>
      <c r="Y60" s="146"/>
    </row>
    <row r="61" spans="2:28" ht="18" customHeight="1" x14ac:dyDescent="0.15">
      <c r="B61" s="145"/>
      <c r="C61" s="206" t="s">
        <v>314</v>
      </c>
      <c r="D61" s="206"/>
      <c r="E61" s="206"/>
      <c r="F61" s="206"/>
      <c r="G61" s="206"/>
      <c r="H61" s="206"/>
      <c r="I61" s="206"/>
      <c r="J61" s="206"/>
      <c r="K61" s="206"/>
      <c r="L61" s="206"/>
      <c r="M61" s="206"/>
      <c r="N61" s="206"/>
      <c r="O61" s="206"/>
      <c r="P61" s="206"/>
      <c r="Q61" s="206"/>
      <c r="R61" s="206"/>
      <c r="S61" s="206"/>
      <c r="T61" s="206"/>
      <c r="U61" s="145"/>
      <c r="V61" s="206"/>
      <c r="W61" s="206"/>
      <c r="X61" s="206"/>
      <c r="Y61" s="146"/>
    </row>
    <row r="62" spans="2:28" ht="6" customHeight="1" x14ac:dyDescent="0.15">
      <c r="B62" s="135"/>
      <c r="C62" s="214"/>
      <c r="D62" s="214"/>
      <c r="E62" s="214"/>
      <c r="F62" s="214"/>
      <c r="G62" s="214"/>
      <c r="H62" s="214"/>
      <c r="I62" s="214"/>
      <c r="J62" s="214"/>
      <c r="K62" s="214"/>
      <c r="L62" s="214"/>
      <c r="M62" s="214"/>
      <c r="N62" s="214"/>
      <c r="O62" s="214"/>
      <c r="P62" s="214"/>
      <c r="Q62" s="214"/>
      <c r="R62" s="214"/>
      <c r="S62" s="214"/>
      <c r="T62" s="214"/>
      <c r="U62" s="135"/>
      <c r="V62" s="214"/>
      <c r="W62" s="214"/>
      <c r="X62" s="214"/>
      <c r="Y62" s="136"/>
    </row>
    <row r="66" ht="14.25" customHeight="1" x14ac:dyDescent="0.15"/>
  </sheetData>
  <mergeCells count="11">
    <mergeCell ref="B8:F8"/>
    <mergeCell ref="B9:F11"/>
    <mergeCell ref="D23:H23"/>
    <mergeCell ref="L23:N23"/>
    <mergeCell ref="U52:Y52"/>
    <mergeCell ref="Q3:R3"/>
    <mergeCell ref="T3:U3"/>
    <mergeCell ref="W3:X3"/>
    <mergeCell ref="B5:Y5"/>
    <mergeCell ref="B7:F7"/>
    <mergeCell ref="G7:Y7"/>
  </mergeCells>
  <phoneticPr fontId="2"/>
  <dataValidations count="1">
    <dataValidation type="list" allowBlank="1" showInputMessage="1" showErrorMessage="1" sqref="G8:G11 O9:O10 L8 Q8 V19:V20 X19:X20 V25 X25 V27:V28 X27:X28 V30:V31 X30:X31 V33:V34 X33:X34 V36:V37 X36:X37 V40 X40 V42 X42 V48 X48 V50:V51 X50:X51 V59 X59">
      <formula1>"□,■"</formula1>
    </dataValidation>
  </dataValidations>
  <printOptions horizontalCentered="1"/>
  <pageMargins left="0.70866141732283472" right="0.39370078740157483" top="0.51181102362204722" bottom="0.35433070866141736" header="0.31496062992125984" footer="0.31496062992125984"/>
  <pageSetup paperSize="9" scale="88"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B1:AB43"/>
  <sheetViews>
    <sheetView view="pageBreakPreview" zoomScaleNormal="100" zoomScaleSheetLayoutView="100" workbookViewId="0">
      <selection activeCell="AK28" sqref="AK28"/>
    </sheetView>
  </sheetViews>
  <sheetFormatPr defaultColWidth="4" defaultRowHeight="13.5" x14ac:dyDescent="0.15"/>
  <cols>
    <col min="1" max="1" width="2.125" style="215" customWidth="1"/>
    <col min="2" max="2" width="1.625" style="215" customWidth="1"/>
    <col min="3" max="19" width="3.875" style="215" customWidth="1"/>
    <col min="20" max="20" width="5.125" style="215" customWidth="1"/>
    <col min="21" max="25" width="3.25" style="215" customWidth="1"/>
    <col min="26" max="26" width="2.125" style="215" customWidth="1"/>
    <col min="27" max="16384" width="4" style="215"/>
  </cols>
  <sheetData>
    <row r="1" spans="2:28" ht="6.75" customHeight="1" x14ac:dyDescent="0.15"/>
    <row r="2" spans="2:28" x14ac:dyDescent="0.15">
      <c r="B2" s="215" t="s">
        <v>315</v>
      </c>
    </row>
    <row r="3" spans="2:28" ht="15.75" customHeight="1" x14ac:dyDescent="0.15">
      <c r="P3" s="217" t="s">
        <v>169</v>
      </c>
      <c r="Q3" s="340"/>
      <c r="R3" s="340"/>
      <c r="S3" s="216" t="s">
        <v>37</v>
      </c>
      <c r="T3" s="340"/>
      <c r="U3" s="340"/>
      <c r="V3" s="216" t="s">
        <v>180</v>
      </c>
      <c r="W3" s="340"/>
      <c r="X3" s="340"/>
      <c r="Y3" s="216" t="s">
        <v>181</v>
      </c>
    </row>
    <row r="4" spans="2:28" ht="10.5" customHeight="1" x14ac:dyDescent="0.15"/>
    <row r="5" spans="2:28" ht="27.75" customHeight="1" x14ac:dyDescent="0.15">
      <c r="B5" s="481" t="s">
        <v>316</v>
      </c>
      <c r="C5" s="340"/>
      <c r="D5" s="340"/>
      <c r="E5" s="340"/>
      <c r="F5" s="340"/>
      <c r="G5" s="340"/>
      <c r="H5" s="340"/>
      <c r="I5" s="340"/>
      <c r="J5" s="340"/>
      <c r="K5" s="340"/>
      <c r="L5" s="340"/>
      <c r="M5" s="340"/>
      <c r="N5" s="340"/>
      <c r="O5" s="340"/>
      <c r="P5" s="340"/>
      <c r="Q5" s="340"/>
      <c r="R5" s="340"/>
      <c r="S5" s="340"/>
      <c r="T5" s="340"/>
      <c r="U5" s="340"/>
      <c r="V5" s="340"/>
      <c r="W5" s="340"/>
      <c r="X5" s="340"/>
      <c r="Y5" s="340"/>
    </row>
    <row r="7" spans="2:28" ht="23.25" customHeight="1" x14ac:dyDescent="0.15">
      <c r="B7" s="323" t="s">
        <v>317</v>
      </c>
      <c r="C7" s="324"/>
      <c r="D7" s="324"/>
      <c r="E7" s="324"/>
      <c r="F7" s="324"/>
      <c r="G7" s="324"/>
      <c r="H7" s="325"/>
      <c r="I7" s="323"/>
      <c r="J7" s="324"/>
      <c r="K7" s="324"/>
      <c r="L7" s="324"/>
      <c r="M7" s="324"/>
      <c r="N7" s="324"/>
      <c r="O7" s="324"/>
      <c r="P7" s="324"/>
      <c r="Q7" s="324"/>
      <c r="R7" s="324"/>
      <c r="S7" s="324"/>
      <c r="T7" s="324"/>
      <c r="U7" s="324"/>
      <c r="V7" s="324"/>
      <c r="W7" s="324"/>
      <c r="X7" s="324"/>
      <c r="Y7" s="325"/>
    </row>
    <row r="8" spans="2:28" ht="23.25" customHeight="1" x14ac:dyDescent="0.15">
      <c r="B8" s="478" t="s">
        <v>318</v>
      </c>
      <c r="C8" s="478"/>
      <c r="D8" s="478"/>
      <c r="E8" s="478"/>
      <c r="F8" s="478"/>
      <c r="G8" s="478"/>
      <c r="H8" s="478"/>
      <c r="I8" s="470"/>
      <c r="J8" s="470"/>
      <c r="K8" s="470"/>
      <c r="L8" s="470"/>
      <c r="M8" s="470"/>
      <c r="N8" s="470"/>
      <c r="O8" s="470"/>
      <c r="P8" s="470"/>
      <c r="Q8" s="470"/>
      <c r="R8" s="470"/>
      <c r="S8" s="470"/>
      <c r="T8" s="470"/>
      <c r="U8" s="470"/>
      <c r="V8" s="470"/>
      <c r="W8" s="470"/>
      <c r="X8" s="470"/>
      <c r="Y8" s="470"/>
    </row>
    <row r="9" spans="2:28" ht="23.25" customHeight="1" x14ac:dyDescent="0.15">
      <c r="B9" s="478" t="s">
        <v>319</v>
      </c>
      <c r="C9" s="478"/>
      <c r="D9" s="478"/>
      <c r="E9" s="478"/>
      <c r="F9" s="478"/>
      <c r="G9" s="478"/>
      <c r="H9" s="478"/>
      <c r="I9" s="220" t="s">
        <v>161</v>
      </c>
      <c r="J9" s="221" t="s">
        <v>320</v>
      </c>
      <c r="K9" s="221"/>
      <c r="L9" s="221"/>
      <c r="M9" s="221"/>
      <c r="N9" s="223" t="s">
        <v>161</v>
      </c>
      <c r="O9" s="221" t="s">
        <v>321</v>
      </c>
      <c r="P9" s="221"/>
      <c r="Q9" s="221"/>
      <c r="R9" s="221"/>
      <c r="S9" s="223" t="s">
        <v>161</v>
      </c>
      <c r="T9" s="221" t="s">
        <v>322</v>
      </c>
      <c r="U9" s="221"/>
      <c r="V9" s="221"/>
      <c r="W9" s="221"/>
      <c r="X9" s="221"/>
      <c r="Y9" s="231"/>
    </row>
    <row r="11" spans="2:28" ht="6" customHeight="1" x14ac:dyDescent="0.15">
      <c r="B11" s="132"/>
      <c r="C11" s="133"/>
      <c r="D11" s="133"/>
      <c r="E11" s="133"/>
      <c r="F11" s="133"/>
      <c r="G11" s="133"/>
      <c r="H11" s="133"/>
      <c r="I11" s="133"/>
      <c r="J11" s="133"/>
      <c r="K11" s="133"/>
      <c r="L11" s="133"/>
      <c r="M11" s="133"/>
      <c r="N11" s="133"/>
      <c r="O11" s="133"/>
      <c r="P11" s="133"/>
      <c r="Q11" s="133"/>
      <c r="R11" s="133"/>
      <c r="S11" s="133"/>
      <c r="T11" s="133"/>
      <c r="U11" s="132"/>
      <c r="V11" s="133"/>
      <c r="W11" s="133"/>
      <c r="X11" s="133"/>
      <c r="Y11" s="134"/>
    </row>
    <row r="12" spans="2:28" x14ac:dyDescent="0.15">
      <c r="B12" s="145" t="s">
        <v>323</v>
      </c>
      <c r="D12" s="206"/>
      <c r="E12" s="206"/>
      <c r="F12" s="206"/>
      <c r="G12" s="206"/>
      <c r="H12" s="206"/>
      <c r="I12" s="206"/>
      <c r="J12" s="206"/>
      <c r="K12" s="206"/>
      <c r="L12" s="206"/>
      <c r="M12" s="206"/>
      <c r="N12" s="206"/>
      <c r="O12" s="206"/>
      <c r="P12" s="206"/>
      <c r="Q12" s="206"/>
      <c r="R12" s="206"/>
      <c r="S12" s="206"/>
      <c r="T12" s="206"/>
      <c r="U12" s="145"/>
      <c r="V12" s="228" t="s">
        <v>194</v>
      </c>
      <c r="W12" s="228" t="s">
        <v>195</v>
      </c>
      <c r="X12" s="228" t="s">
        <v>196</v>
      </c>
      <c r="Y12" s="146"/>
    </row>
    <row r="13" spans="2:28" ht="6" customHeight="1" x14ac:dyDescent="0.15">
      <c r="B13" s="145"/>
      <c r="C13" s="206"/>
      <c r="D13" s="206"/>
      <c r="E13" s="206"/>
      <c r="F13" s="206"/>
      <c r="G13" s="206"/>
      <c r="H13" s="206"/>
      <c r="I13" s="206"/>
      <c r="J13" s="206"/>
      <c r="K13" s="206"/>
      <c r="L13" s="206"/>
      <c r="M13" s="206"/>
      <c r="N13" s="206"/>
      <c r="O13" s="206"/>
      <c r="P13" s="206"/>
      <c r="Q13" s="206"/>
      <c r="R13" s="206"/>
      <c r="S13" s="206"/>
      <c r="T13" s="206"/>
      <c r="U13" s="145"/>
      <c r="V13" s="206"/>
      <c r="W13" s="206"/>
      <c r="X13" s="206"/>
      <c r="Y13" s="146"/>
    </row>
    <row r="14" spans="2:28" ht="18" customHeight="1" x14ac:dyDescent="0.15">
      <c r="B14" s="145"/>
      <c r="C14" s="206" t="s">
        <v>324</v>
      </c>
      <c r="D14" s="206"/>
      <c r="E14" s="206"/>
      <c r="F14" s="206"/>
      <c r="G14" s="206"/>
      <c r="H14" s="206"/>
      <c r="I14" s="206"/>
      <c r="J14" s="206"/>
      <c r="K14" s="206"/>
      <c r="L14" s="206"/>
      <c r="M14" s="206"/>
      <c r="N14" s="206"/>
      <c r="O14" s="206"/>
      <c r="P14" s="206"/>
      <c r="Q14" s="206"/>
      <c r="R14" s="206"/>
      <c r="S14" s="206"/>
      <c r="T14" s="206"/>
      <c r="U14" s="164"/>
      <c r="V14" s="222" t="s">
        <v>161</v>
      </c>
      <c r="W14" s="222" t="s">
        <v>198</v>
      </c>
      <c r="X14" s="222" t="s">
        <v>161</v>
      </c>
      <c r="Y14" s="121"/>
      <c r="Z14" s="206"/>
      <c r="AA14" s="206"/>
      <c r="AB14" s="206"/>
    </row>
    <row r="15" spans="2:28" ht="18" customHeight="1" x14ac:dyDescent="0.15">
      <c r="B15" s="145"/>
      <c r="C15" s="206" t="s">
        <v>325</v>
      </c>
      <c r="D15" s="206"/>
      <c r="E15" s="206"/>
      <c r="F15" s="206"/>
      <c r="G15" s="206"/>
      <c r="H15" s="206"/>
      <c r="I15" s="206"/>
      <c r="J15" s="206"/>
      <c r="K15" s="206"/>
      <c r="L15" s="206"/>
      <c r="M15" s="206"/>
      <c r="N15" s="206"/>
      <c r="O15" s="206"/>
      <c r="P15" s="206"/>
      <c r="Q15" s="206"/>
      <c r="R15" s="206"/>
      <c r="S15" s="206"/>
      <c r="T15" s="206"/>
      <c r="U15" s="164"/>
      <c r="V15" s="125"/>
      <c r="W15" s="125"/>
      <c r="X15" s="125"/>
      <c r="Y15" s="121"/>
      <c r="Z15" s="206"/>
      <c r="AA15" s="206"/>
      <c r="AB15" s="206"/>
    </row>
    <row r="16" spans="2:28" ht="18" customHeight="1" x14ac:dyDescent="0.15">
      <c r="B16" s="145"/>
      <c r="C16" s="206"/>
      <c r="D16" s="206"/>
      <c r="E16" s="206"/>
      <c r="F16" s="206"/>
      <c r="G16" s="206"/>
      <c r="H16" s="206"/>
      <c r="I16" s="206"/>
      <c r="J16" s="206"/>
      <c r="K16" s="206"/>
      <c r="L16" s="206"/>
      <c r="M16" s="206"/>
      <c r="N16" s="206"/>
      <c r="O16" s="206"/>
      <c r="P16" s="206"/>
      <c r="Q16" s="206"/>
      <c r="R16" s="206"/>
      <c r="S16" s="206"/>
      <c r="T16" s="206"/>
      <c r="U16" s="164"/>
      <c r="V16" s="125"/>
      <c r="W16" s="125"/>
      <c r="X16" s="125"/>
      <c r="Y16" s="121"/>
      <c r="Z16" s="206"/>
      <c r="AA16" s="206"/>
      <c r="AB16" s="206"/>
    </row>
    <row r="17" spans="2:28" ht="18" customHeight="1" x14ac:dyDescent="0.15">
      <c r="B17" s="145"/>
      <c r="C17" s="206" t="s">
        <v>326</v>
      </c>
      <c r="D17" s="323" t="s">
        <v>275</v>
      </c>
      <c r="E17" s="324"/>
      <c r="F17" s="324"/>
      <c r="G17" s="324"/>
      <c r="H17" s="325"/>
      <c r="I17" s="219" t="s">
        <v>276</v>
      </c>
      <c r="J17" s="90"/>
      <c r="K17" s="90"/>
      <c r="L17" s="324"/>
      <c r="M17" s="324"/>
      <c r="N17" s="324"/>
      <c r="O17" s="208" t="s">
        <v>219</v>
      </c>
      <c r="P17" s="206"/>
      <c r="Q17" s="206"/>
      <c r="S17" s="206"/>
      <c r="T17" s="206"/>
      <c r="U17" s="229"/>
      <c r="V17" s="124"/>
      <c r="W17" s="124"/>
      <c r="X17" s="124"/>
      <c r="Y17" s="163"/>
      <c r="Z17" s="206"/>
      <c r="AA17" s="206"/>
      <c r="AB17" s="206"/>
    </row>
    <row r="18" spans="2:28" ht="18" customHeight="1" x14ac:dyDescent="0.15">
      <c r="B18" s="145"/>
      <c r="C18" s="206" t="s">
        <v>327</v>
      </c>
      <c r="D18" s="323" t="s">
        <v>275</v>
      </c>
      <c r="E18" s="324"/>
      <c r="F18" s="324"/>
      <c r="G18" s="324"/>
      <c r="H18" s="325"/>
      <c r="I18" s="219" t="s">
        <v>328</v>
      </c>
      <c r="J18" s="90"/>
      <c r="K18" s="90"/>
      <c r="L18" s="324"/>
      <c r="M18" s="324"/>
      <c r="N18" s="324"/>
      <c r="O18" s="208" t="s">
        <v>219</v>
      </c>
      <c r="P18" s="206"/>
      <c r="Q18" s="206"/>
      <c r="S18" s="206"/>
      <c r="T18" s="206"/>
      <c r="U18" s="229"/>
      <c r="V18" s="124"/>
      <c r="W18" s="124"/>
      <c r="X18" s="124"/>
      <c r="Y18" s="163"/>
      <c r="Z18" s="206"/>
      <c r="AA18" s="206"/>
      <c r="AB18" s="206"/>
    </row>
    <row r="19" spans="2:28" ht="18" customHeight="1" x14ac:dyDescent="0.15">
      <c r="B19" s="145"/>
      <c r="C19" s="206"/>
      <c r="D19" s="124"/>
      <c r="E19" s="124"/>
      <c r="F19" s="124"/>
      <c r="G19" s="124"/>
      <c r="H19" s="124"/>
      <c r="I19" s="206"/>
      <c r="J19" s="206"/>
      <c r="K19" s="206"/>
      <c r="L19" s="206"/>
      <c r="M19" s="206"/>
      <c r="N19" s="206"/>
      <c r="O19" s="124"/>
      <c r="P19" s="206"/>
      <c r="Q19" s="206"/>
      <c r="S19" s="206"/>
      <c r="T19" s="206"/>
      <c r="U19" s="229"/>
      <c r="V19" s="124"/>
      <c r="W19" s="124"/>
      <c r="X19" s="124"/>
      <c r="Y19" s="163"/>
      <c r="Z19" s="206"/>
      <c r="AA19" s="206"/>
      <c r="AB19" s="206"/>
    </row>
    <row r="20" spans="2:28" ht="18" customHeight="1" x14ac:dyDescent="0.15">
      <c r="B20" s="145"/>
      <c r="C20" s="206" t="s">
        <v>329</v>
      </c>
      <c r="D20" s="206"/>
      <c r="E20" s="206"/>
      <c r="F20" s="206"/>
      <c r="G20" s="206"/>
      <c r="H20" s="206"/>
      <c r="I20" s="206"/>
      <c r="J20" s="206"/>
      <c r="K20" s="206"/>
      <c r="L20" s="206"/>
      <c r="M20" s="206"/>
      <c r="N20" s="206"/>
      <c r="O20" s="206"/>
      <c r="P20" s="206"/>
      <c r="Q20" s="206"/>
      <c r="R20" s="206"/>
      <c r="S20" s="206"/>
      <c r="T20" s="206"/>
      <c r="U20" s="164"/>
      <c r="V20" s="222" t="s">
        <v>161</v>
      </c>
      <c r="W20" s="222" t="s">
        <v>220</v>
      </c>
      <c r="X20" s="222" t="s">
        <v>161</v>
      </c>
      <c r="Y20" s="121"/>
      <c r="Z20" s="206"/>
      <c r="AA20" s="206"/>
      <c r="AB20" s="206"/>
    </row>
    <row r="21" spans="2:28" ht="18" customHeight="1" x14ac:dyDescent="0.15">
      <c r="B21" s="145"/>
      <c r="C21" s="206" t="s">
        <v>330</v>
      </c>
      <c r="D21" s="206"/>
      <c r="E21" s="206"/>
      <c r="F21" s="206"/>
      <c r="G21" s="206"/>
      <c r="H21" s="206"/>
      <c r="I21" s="206"/>
      <c r="J21" s="206"/>
      <c r="K21" s="206"/>
      <c r="L21" s="206"/>
      <c r="M21" s="206"/>
      <c r="N21" s="206"/>
      <c r="O21" s="206"/>
      <c r="P21" s="206"/>
      <c r="Q21" s="206"/>
      <c r="R21" s="206"/>
      <c r="S21" s="206"/>
      <c r="T21" s="206"/>
      <c r="U21" s="164"/>
      <c r="V21" s="125"/>
      <c r="W21" s="125"/>
      <c r="X21" s="125"/>
      <c r="Y21" s="121"/>
      <c r="Z21" s="206"/>
      <c r="AA21" s="206"/>
      <c r="AB21" s="206"/>
    </row>
    <row r="22" spans="2:28" ht="18" customHeight="1" x14ac:dyDescent="0.15">
      <c r="B22" s="145"/>
      <c r="C22" s="206" t="s">
        <v>331</v>
      </c>
      <c r="D22" s="206"/>
      <c r="E22" s="206"/>
      <c r="F22" s="206"/>
      <c r="G22" s="206"/>
      <c r="H22" s="206"/>
      <c r="I22" s="206"/>
      <c r="J22" s="206"/>
      <c r="K22" s="206"/>
      <c r="L22" s="206"/>
      <c r="M22" s="206"/>
      <c r="N22" s="206"/>
      <c r="O22" s="206"/>
      <c r="P22" s="206"/>
      <c r="Q22" s="206"/>
      <c r="R22" s="206"/>
      <c r="S22" s="206"/>
      <c r="T22" s="206" t="s">
        <v>332</v>
      </c>
      <c r="U22" s="164"/>
      <c r="V22" s="222" t="s">
        <v>161</v>
      </c>
      <c r="W22" s="222" t="s">
        <v>220</v>
      </c>
      <c r="X22" s="222" t="s">
        <v>161</v>
      </c>
      <c r="Y22" s="121"/>
      <c r="Z22" s="206"/>
      <c r="AA22" s="206"/>
      <c r="AB22" s="206"/>
    </row>
    <row r="23" spans="2:28" ht="18" customHeight="1" x14ac:dyDescent="0.15">
      <c r="B23" s="145"/>
      <c r="C23" s="206" t="s">
        <v>333</v>
      </c>
      <c r="D23" s="206"/>
      <c r="E23" s="206"/>
      <c r="F23" s="206"/>
      <c r="G23" s="206"/>
      <c r="H23" s="206"/>
      <c r="I23" s="206"/>
      <c r="J23" s="206"/>
      <c r="K23" s="206"/>
      <c r="L23" s="206"/>
      <c r="M23" s="206"/>
      <c r="N23" s="206"/>
      <c r="O23" s="206"/>
      <c r="P23" s="206"/>
      <c r="Q23" s="206"/>
      <c r="R23" s="206"/>
      <c r="S23" s="206"/>
      <c r="T23" s="206"/>
      <c r="U23" s="164"/>
      <c r="V23" s="222" t="s">
        <v>161</v>
      </c>
      <c r="W23" s="222" t="s">
        <v>220</v>
      </c>
      <c r="X23" s="222" t="s">
        <v>161</v>
      </c>
      <c r="Y23" s="121"/>
      <c r="Z23" s="206"/>
      <c r="AA23" s="206"/>
      <c r="AB23" s="206"/>
    </row>
    <row r="24" spans="2:28" ht="18" customHeight="1" x14ac:dyDescent="0.15">
      <c r="B24" s="145"/>
      <c r="C24" s="206" t="s">
        <v>334</v>
      </c>
      <c r="D24" s="206"/>
      <c r="E24" s="206"/>
      <c r="F24" s="206"/>
      <c r="G24" s="206"/>
      <c r="H24" s="206"/>
      <c r="I24" s="206"/>
      <c r="J24" s="206"/>
      <c r="K24" s="206"/>
      <c r="L24" s="206"/>
      <c r="M24" s="206"/>
      <c r="N24" s="206"/>
      <c r="O24" s="206"/>
      <c r="P24" s="206"/>
      <c r="Q24" s="206"/>
      <c r="R24" s="206"/>
      <c r="S24" s="206"/>
      <c r="T24" s="206"/>
      <c r="U24" s="164"/>
      <c r="V24" s="222" t="s">
        <v>161</v>
      </c>
      <c r="W24" s="222" t="s">
        <v>198</v>
      </c>
      <c r="X24" s="222" t="s">
        <v>161</v>
      </c>
      <c r="Y24" s="121"/>
      <c r="Z24" s="206"/>
      <c r="AA24" s="206"/>
      <c r="AB24" s="206"/>
    </row>
    <row r="25" spans="2:28" ht="18" customHeight="1" x14ac:dyDescent="0.15">
      <c r="B25" s="145"/>
      <c r="C25" s="206" t="s">
        <v>335</v>
      </c>
      <c r="D25" s="206"/>
      <c r="E25" s="206"/>
      <c r="F25" s="206"/>
      <c r="G25" s="206"/>
      <c r="H25" s="206"/>
      <c r="I25" s="206"/>
      <c r="J25" s="206"/>
      <c r="K25" s="206"/>
      <c r="L25" s="206"/>
      <c r="M25" s="206"/>
      <c r="N25" s="206"/>
      <c r="O25" s="206"/>
      <c r="P25" s="206"/>
      <c r="Q25" s="206"/>
      <c r="R25" s="206"/>
      <c r="S25" s="206"/>
      <c r="T25" s="206"/>
      <c r="U25" s="164"/>
      <c r="V25" s="125"/>
      <c r="W25" s="125"/>
      <c r="X25" s="125"/>
      <c r="Y25" s="121"/>
      <c r="Z25" s="206"/>
      <c r="AA25" s="206"/>
      <c r="AB25" s="206"/>
    </row>
    <row r="26" spans="2:28" ht="18" customHeight="1" x14ac:dyDescent="0.15">
      <c r="B26" s="145"/>
      <c r="C26" s="206" t="s">
        <v>336</v>
      </c>
      <c r="D26" s="206"/>
      <c r="E26" s="206"/>
      <c r="F26" s="206"/>
      <c r="G26" s="206"/>
      <c r="H26" s="206"/>
      <c r="I26" s="206"/>
      <c r="J26" s="206"/>
      <c r="K26" s="206"/>
      <c r="L26" s="206"/>
      <c r="M26" s="206"/>
      <c r="N26" s="206"/>
      <c r="O26" s="206"/>
      <c r="P26" s="206"/>
      <c r="Q26" s="206"/>
      <c r="R26" s="206"/>
      <c r="S26" s="206"/>
      <c r="T26" s="206"/>
      <c r="U26" s="164"/>
      <c r="V26" s="222" t="s">
        <v>161</v>
      </c>
      <c r="W26" s="222" t="s">
        <v>198</v>
      </c>
      <c r="X26" s="222" t="s">
        <v>161</v>
      </c>
      <c r="Y26" s="121"/>
      <c r="Z26" s="206"/>
      <c r="AA26" s="206"/>
      <c r="AB26" s="206"/>
    </row>
    <row r="27" spans="2:28" ht="18" customHeight="1" x14ac:dyDescent="0.15">
      <c r="B27" s="145"/>
      <c r="C27" s="206" t="s">
        <v>337</v>
      </c>
      <c r="D27" s="206"/>
      <c r="E27" s="206"/>
      <c r="F27" s="206"/>
      <c r="G27" s="206"/>
      <c r="H27" s="206"/>
      <c r="I27" s="206"/>
      <c r="J27" s="206"/>
      <c r="K27" s="206"/>
      <c r="L27" s="206"/>
      <c r="M27" s="206"/>
      <c r="N27" s="206"/>
      <c r="O27" s="206"/>
      <c r="P27" s="206"/>
      <c r="Q27" s="206"/>
      <c r="R27" s="206"/>
      <c r="S27" s="206"/>
      <c r="T27" s="206"/>
      <c r="U27" s="164"/>
      <c r="V27" s="222" t="s">
        <v>161</v>
      </c>
      <c r="W27" s="222" t="s">
        <v>220</v>
      </c>
      <c r="X27" s="222" t="s">
        <v>161</v>
      </c>
      <c r="Y27" s="121"/>
      <c r="Z27" s="206"/>
      <c r="AA27" s="206"/>
      <c r="AB27" s="206"/>
    </row>
    <row r="28" spans="2:28" ht="18" customHeight="1" x14ac:dyDescent="0.15">
      <c r="B28" s="145"/>
      <c r="C28" s="206" t="s">
        <v>338</v>
      </c>
      <c r="D28" s="206"/>
      <c r="E28" s="206"/>
      <c r="F28" s="206"/>
      <c r="G28" s="206"/>
      <c r="H28" s="206"/>
      <c r="I28" s="206"/>
      <c r="J28" s="206"/>
      <c r="K28" s="206"/>
      <c r="L28" s="206"/>
      <c r="M28" s="206"/>
      <c r="N28" s="206"/>
      <c r="O28" s="206"/>
      <c r="P28" s="206"/>
      <c r="Q28" s="206"/>
      <c r="R28" s="206"/>
      <c r="S28" s="206"/>
      <c r="T28" s="206"/>
      <c r="U28" s="164"/>
      <c r="V28" s="125"/>
      <c r="W28" s="125"/>
      <c r="X28" s="125"/>
      <c r="Y28" s="121"/>
      <c r="Z28" s="206"/>
      <c r="AA28" s="206"/>
      <c r="AB28" s="206"/>
    </row>
    <row r="29" spans="2:28" ht="18" customHeight="1" x14ac:dyDescent="0.15">
      <c r="B29" s="145"/>
      <c r="C29" s="206"/>
      <c r="D29" s="206" t="s">
        <v>294</v>
      </c>
      <c r="E29" s="206"/>
      <c r="F29" s="206"/>
      <c r="G29" s="206"/>
      <c r="H29" s="206"/>
      <c r="I29" s="206"/>
      <c r="J29" s="206"/>
      <c r="K29" s="206"/>
      <c r="L29" s="206"/>
      <c r="M29" s="206"/>
      <c r="N29" s="206"/>
      <c r="O29" s="206"/>
      <c r="P29" s="206"/>
      <c r="Q29" s="206"/>
      <c r="R29" s="206"/>
      <c r="S29" s="206"/>
      <c r="T29" s="206"/>
      <c r="U29" s="164"/>
      <c r="V29" s="222" t="s">
        <v>161</v>
      </c>
      <c r="W29" s="222" t="s">
        <v>220</v>
      </c>
      <c r="X29" s="222" t="s">
        <v>161</v>
      </c>
      <c r="Y29" s="121"/>
      <c r="Z29" s="206"/>
      <c r="AA29" s="206"/>
      <c r="AB29" s="206"/>
    </row>
    <row r="30" spans="2:28" ht="18" customHeight="1" x14ac:dyDescent="0.15">
      <c r="B30" s="145"/>
      <c r="C30" s="206"/>
      <c r="D30" s="206" t="s">
        <v>295</v>
      </c>
      <c r="E30" s="206"/>
      <c r="F30" s="206"/>
      <c r="G30" s="206"/>
      <c r="H30" s="206"/>
      <c r="I30" s="206"/>
      <c r="J30" s="206"/>
      <c r="K30" s="206"/>
      <c r="L30" s="206"/>
      <c r="M30" s="206"/>
      <c r="N30" s="206"/>
      <c r="O30" s="206"/>
      <c r="P30" s="206"/>
      <c r="Q30" s="206"/>
      <c r="R30" s="206"/>
      <c r="S30" s="206"/>
      <c r="T30" s="206"/>
      <c r="U30" s="164"/>
      <c r="V30" s="222" t="s">
        <v>161</v>
      </c>
      <c r="W30" s="222" t="s">
        <v>220</v>
      </c>
      <c r="X30" s="222" t="s">
        <v>161</v>
      </c>
      <c r="Y30" s="121"/>
      <c r="Z30" s="206"/>
      <c r="AA30" s="206"/>
      <c r="AB30" s="206"/>
    </row>
    <row r="31" spans="2:28" ht="18" customHeight="1" x14ac:dyDescent="0.15">
      <c r="B31" s="145"/>
      <c r="C31" s="206" t="s">
        <v>339</v>
      </c>
      <c r="D31" s="206"/>
      <c r="E31" s="206"/>
      <c r="F31" s="206"/>
      <c r="G31" s="206"/>
      <c r="H31" s="206"/>
      <c r="I31" s="206"/>
      <c r="J31" s="206"/>
      <c r="K31" s="206"/>
      <c r="L31" s="206"/>
      <c r="M31" s="206"/>
      <c r="N31" s="206"/>
      <c r="O31" s="206"/>
      <c r="P31" s="206"/>
      <c r="Q31" s="206"/>
      <c r="R31" s="206"/>
      <c r="S31" s="206"/>
      <c r="T31" s="206"/>
      <c r="U31" s="164"/>
      <c r="V31" s="222" t="s">
        <v>161</v>
      </c>
      <c r="W31" s="222" t="s">
        <v>220</v>
      </c>
      <c r="X31" s="222" t="s">
        <v>161</v>
      </c>
      <c r="Y31" s="121"/>
      <c r="Z31" s="206"/>
      <c r="AA31" s="206"/>
      <c r="AB31" s="206"/>
    </row>
    <row r="32" spans="2:28" ht="18" customHeight="1" x14ac:dyDescent="0.15">
      <c r="B32" s="145"/>
      <c r="C32" s="206" t="s">
        <v>340</v>
      </c>
      <c r="D32" s="206"/>
      <c r="E32" s="206"/>
      <c r="F32" s="206"/>
      <c r="G32" s="206"/>
      <c r="H32" s="206"/>
      <c r="I32" s="206"/>
      <c r="J32" s="206"/>
      <c r="K32" s="206"/>
      <c r="L32" s="206"/>
      <c r="M32" s="206"/>
      <c r="N32" s="206"/>
      <c r="O32" s="206"/>
      <c r="P32" s="206"/>
      <c r="Q32" s="206"/>
      <c r="R32" s="206"/>
      <c r="S32" s="206"/>
      <c r="T32" s="206"/>
      <c r="U32" s="164"/>
      <c r="V32" s="125"/>
      <c r="W32" s="125"/>
      <c r="X32" s="125"/>
      <c r="Y32" s="121"/>
      <c r="Z32" s="206"/>
      <c r="AA32" s="206"/>
      <c r="AB32" s="206"/>
    </row>
    <row r="33" spans="2:28" ht="18" customHeight="1" x14ac:dyDescent="0.15">
      <c r="B33" s="145"/>
      <c r="C33" s="206" t="s">
        <v>341</v>
      </c>
      <c r="D33" s="206"/>
      <c r="E33" s="206"/>
      <c r="F33" s="206"/>
      <c r="G33" s="206"/>
      <c r="H33" s="206"/>
      <c r="I33" s="206"/>
      <c r="J33" s="206"/>
      <c r="K33" s="206"/>
      <c r="L33" s="206"/>
      <c r="M33" s="206"/>
      <c r="N33" s="206"/>
      <c r="O33" s="206"/>
      <c r="P33" s="206"/>
      <c r="Q33" s="206"/>
      <c r="R33" s="206"/>
      <c r="S33" s="206"/>
      <c r="T33" s="206"/>
      <c r="U33" s="164"/>
      <c r="V33" s="222" t="s">
        <v>161</v>
      </c>
      <c r="W33" s="222" t="s">
        <v>220</v>
      </c>
      <c r="X33" s="222" t="s">
        <v>161</v>
      </c>
      <c r="Y33" s="121"/>
      <c r="Z33" s="206"/>
      <c r="AA33" s="206"/>
      <c r="AB33" s="206"/>
    </row>
    <row r="34" spans="2:28" ht="18" customHeight="1" x14ac:dyDescent="0.15">
      <c r="B34" s="145"/>
      <c r="C34" s="206" t="s">
        <v>342</v>
      </c>
      <c r="D34" s="206"/>
      <c r="E34" s="206"/>
      <c r="F34" s="206"/>
      <c r="G34" s="206"/>
      <c r="H34" s="206"/>
      <c r="I34" s="206"/>
      <c r="J34" s="206"/>
      <c r="K34" s="206"/>
      <c r="L34" s="206"/>
      <c r="M34" s="206"/>
      <c r="N34" s="206"/>
      <c r="O34" s="206"/>
      <c r="P34" s="206"/>
      <c r="Q34" s="206"/>
      <c r="R34" s="206"/>
      <c r="S34" s="206"/>
      <c r="T34" s="206"/>
      <c r="U34" s="164"/>
      <c r="V34" s="125"/>
      <c r="W34" s="125"/>
      <c r="X34" s="125"/>
      <c r="Y34" s="121"/>
      <c r="Z34" s="206"/>
      <c r="AA34" s="206"/>
      <c r="AB34" s="206"/>
    </row>
    <row r="35" spans="2:28" ht="18" customHeight="1" x14ac:dyDescent="0.15">
      <c r="B35" s="145"/>
      <c r="C35" s="206" t="s">
        <v>343</v>
      </c>
      <c r="D35" s="206"/>
      <c r="E35" s="206"/>
      <c r="F35" s="206"/>
      <c r="G35" s="206"/>
      <c r="H35" s="206"/>
      <c r="I35" s="206"/>
      <c r="J35" s="206"/>
      <c r="K35" s="206"/>
      <c r="L35" s="206"/>
      <c r="M35" s="206"/>
      <c r="N35" s="206"/>
      <c r="O35" s="206"/>
      <c r="P35" s="206"/>
      <c r="Q35" s="206"/>
      <c r="R35" s="206"/>
      <c r="S35" s="206"/>
      <c r="T35" s="206"/>
      <c r="U35" s="164"/>
      <c r="V35" s="222" t="s">
        <v>161</v>
      </c>
      <c r="W35" s="222" t="s">
        <v>220</v>
      </c>
      <c r="X35" s="222" t="s">
        <v>161</v>
      </c>
      <c r="Y35" s="121"/>
      <c r="Z35" s="206"/>
      <c r="AA35" s="206"/>
      <c r="AB35" s="206"/>
    </row>
    <row r="36" spans="2:28" ht="18" customHeight="1" x14ac:dyDescent="0.15">
      <c r="B36" s="145"/>
      <c r="C36" s="206" t="s">
        <v>301</v>
      </c>
      <c r="D36" s="206"/>
      <c r="E36" s="206"/>
      <c r="F36" s="206"/>
      <c r="G36" s="206"/>
      <c r="H36" s="206"/>
      <c r="I36" s="206"/>
      <c r="J36" s="206"/>
      <c r="K36" s="206"/>
      <c r="L36" s="206"/>
      <c r="M36" s="206"/>
      <c r="N36" s="206"/>
      <c r="O36" s="206"/>
      <c r="P36" s="206"/>
      <c r="Q36" s="206"/>
      <c r="R36" s="206"/>
      <c r="S36" s="206"/>
      <c r="T36" s="206"/>
      <c r="U36" s="164"/>
      <c r="V36" s="125"/>
      <c r="W36" s="125"/>
      <c r="X36" s="125"/>
      <c r="Y36" s="121"/>
      <c r="Z36" s="206"/>
      <c r="AA36" s="206"/>
      <c r="AB36" s="206"/>
    </row>
    <row r="37" spans="2:28" ht="18" customHeight="1" x14ac:dyDescent="0.15">
      <c r="B37" s="145"/>
      <c r="C37" s="206" t="s">
        <v>302</v>
      </c>
      <c r="D37" s="206"/>
      <c r="E37" s="206"/>
      <c r="F37" s="206"/>
      <c r="G37" s="206"/>
      <c r="H37" s="206"/>
      <c r="I37" s="206"/>
      <c r="J37" s="206"/>
      <c r="K37" s="206"/>
      <c r="L37" s="206"/>
      <c r="M37" s="206"/>
      <c r="N37" s="206"/>
      <c r="O37" s="206"/>
      <c r="P37" s="206"/>
      <c r="Q37" s="206"/>
      <c r="R37" s="206"/>
      <c r="S37" s="206"/>
      <c r="T37" s="206"/>
      <c r="U37" s="164"/>
      <c r="V37" s="125"/>
      <c r="W37" s="125"/>
      <c r="X37" s="125"/>
      <c r="Y37" s="121"/>
      <c r="Z37" s="206"/>
      <c r="AA37" s="206"/>
      <c r="AB37" s="206"/>
    </row>
    <row r="38" spans="2:28" ht="18" customHeight="1" x14ac:dyDescent="0.15">
      <c r="B38" s="135"/>
      <c r="C38" s="214"/>
      <c r="D38" s="214"/>
      <c r="E38" s="214"/>
      <c r="F38" s="214"/>
      <c r="G38" s="214"/>
      <c r="H38" s="214"/>
      <c r="I38" s="214"/>
      <c r="J38" s="214"/>
      <c r="K38" s="214"/>
      <c r="L38" s="214"/>
      <c r="M38" s="214"/>
      <c r="N38" s="214"/>
      <c r="O38" s="214"/>
      <c r="P38" s="214"/>
      <c r="Q38" s="214"/>
      <c r="R38" s="214"/>
      <c r="S38" s="214"/>
      <c r="T38" s="214"/>
      <c r="U38" s="319"/>
      <c r="V38" s="320"/>
      <c r="W38" s="320"/>
      <c r="X38" s="320"/>
      <c r="Y38" s="321"/>
      <c r="Z38" s="206"/>
      <c r="AA38" s="206"/>
      <c r="AB38" s="206"/>
    </row>
    <row r="39" spans="2:28" x14ac:dyDescent="0.15">
      <c r="B39" s="215" t="s">
        <v>308</v>
      </c>
    </row>
    <row r="40" spans="2:28" ht="14.25" customHeight="1" x14ac:dyDescent="0.15">
      <c r="B40" s="215" t="s">
        <v>309</v>
      </c>
    </row>
    <row r="41" spans="2:28" x14ac:dyDescent="0.15">
      <c r="B41" s="215" t="s">
        <v>344</v>
      </c>
    </row>
    <row r="43" spans="2:28" ht="14.25" customHeight="1" x14ac:dyDescent="0.15"/>
  </sheetData>
  <mergeCells count="14">
    <mergeCell ref="U38:Y38"/>
    <mergeCell ref="B8:H8"/>
    <mergeCell ref="I8:Y8"/>
    <mergeCell ref="B9:H9"/>
    <mergeCell ref="D17:H17"/>
    <mergeCell ref="L17:N17"/>
    <mergeCell ref="D18:H18"/>
    <mergeCell ref="L18:N18"/>
    <mergeCell ref="Q3:R3"/>
    <mergeCell ref="T3:U3"/>
    <mergeCell ref="W3:X3"/>
    <mergeCell ref="B5:Y5"/>
    <mergeCell ref="B7:H7"/>
    <mergeCell ref="I7:Y7"/>
  </mergeCells>
  <phoneticPr fontId="2"/>
  <dataValidations count="1">
    <dataValidation type="list" allowBlank="1" showInputMessage="1" showErrorMessage="1" sqref="I9 N9 S9 V14 X14 V20 X20 V22:V24 X22:X24 V26:V27 X26:X27 V29:V31 X29:X31 V33 X33 V35 X35">
      <formula1>"□,■"</formula1>
    </dataValidation>
  </dataValidations>
  <printOptions horizontalCentered="1"/>
  <pageMargins left="0.70866141732283472" right="0.39370078740157483" top="0.51181102362204722" bottom="0.35433070866141736" header="0.31496062992125984" footer="0.31496062992125984"/>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104"/>
  <sheetViews>
    <sheetView view="pageBreakPreview" zoomScaleNormal="100" zoomScaleSheetLayoutView="100" workbookViewId="0">
      <selection activeCell="J58" sqref="J58"/>
    </sheetView>
  </sheetViews>
  <sheetFormatPr defaultColWidth="8.875" defaultRowHeight="13.5" x14ac:dyDescent="0.15"/>
  <cols>
    <col min="1" max="1" width="2.625" style="257" customWidth="1"/>
    <col min="2" max="2" width="1.625" style="257" customWidth="1"/>
    <col min="3" max="3" width="10.125" style="257" customWidth="1"/>
    <col min="4" max="4" width="8.875" style="257" customWidth="1"/>
    <col min="5" max="5" width="6.625" style="257" customWidth="1"/>
    <col min="6" max="6" width="2.875" style="257" customWidth="1"/>
    <col min="7" max="8" width="8.875" style="257" customWidth="1"/>
    <col min="9" max="9" width="4.625" style="257" customWidth="1"/>
    <col min="10" max="10" width="4.5" style="257" customWidth="1"/>
    <col min="11" max="11" width="9.125" style="257" customWidth="1"/>
    <col min="12" max="12" width="8.875" style="257" customWidth="1"/>
    <col min="13" max="13" width="4.625" style="257" customWidth="1"/>
    <col min="14" max="14" width="6.875" style="257" customWidth="1"/>
    <col min="15" max="15" width="2.375" style="257" customWidth="1"/>
    <col min="16" max="256" width="8.875" style="257"/>
    <col min="257" max="257" width="2.625" style="257" customWidth="1"/>
    <col min="258" max="258" width="1.625" style="257" customWidth="1"/>
    <col min="259" max="259" width="10.125" style="257" customWidth="1"/>
    <col min="260" max="260" width="8.875" style="257" customWidth="1"/>
    <col min="261" max="261" width="6.625" style="257" customWidth="1"/>
    <col min="262" max="262" width="2.875" style="257" customWidth="1"/>
    <col min="263" max="264" width="8.875" style="257" customWidth="1"/>
    <col min="265" max="265" width="4.625" style="257" customWidth="1"/>
    <col min="266" max="266" width="4.5" style="257" customWidth="1"/>
    <col min="267" max="267" width="9.125" style="257" customWidth="1"/>
    <col min="268" max="268" width="8.875" style="257" customWidth="1"/>
    <col min="269" max="269" width="4.625" style="257" customWidth="1"/>
    <col min="270" max="270" width="6.875" style="257" customWidth="1"/>
    <col min="271" max="271" width="2.375" style="257" customWidth="1"/>
    <col min="272" max="512" width="8.875" style="257"/>
    <col min="513" max="513" width="2.625" style="257" customWidth="1"/>
    <col min="514" max="514" width="1.625" style="257" customWidth="1"/>
    <col min="515" max="515" width="10.125" style="257" customWidth="1"/>
    <col min="516" max="516" width="8.875" style="257" customWidth="1"/>
    <col min="517" max="517" width="6.625" style="257" customWidth="1"/>
    <col min="518" max="518" width="2.875" style="257" customWidth="1"/>
    <col min="519" max="520" width="8.875" style="257" customWidth="1"/>
    <col min="521" max="521" width="4.625" style="257" customWidth="1"/>
    <col min="522" max="522" width="4.5" style="257" customWidth="1"/>
    <col min="523" max="523" width="9.125" style="257" customWidth="1"/>
    <col min="524" max="524" width="8.875" style="257" customWidth="1"/>
    <col min="525" max="525" width="4.625" style="257" customWidth="1"/>
    <col min="526" max="526" width="6.875" style="257" customWidth="1"/>
    <col min="527" max="527" width="2.375" style="257" customWidth="1"/>
    <col min="528" max="768" width="8.875" style="257"/>
    <col min="769" max="769" width="2.625" style="257" customWidth="1"/>
    <col min="770" max="770" width="1.625" style="257" customWidth="1"/>
    <col min="771" max="771" width="10.125" style="257" customWidth="1"/>
    <col min="772" max="772" width="8.875" style="257" customWidth="1"/>
    <col min="773" max="773" width="6.625" style="257" customWidth="1"/>
    <col min="774" max="774" width="2.875" style="257" customWidth="1"/>
    <col min="775" max="776" width="8.875" style="257" customWidth="1"/>
    <col min="777" max="777" width="4.625" style="257" customWidth="1"/>
    <col min="778" max="778" width="4.5" style="257" customWidth="1"/>
    <col min="779" max="779" width="9.125" style="257" customWidth="1"/>
    <col min="780" max="780" width="8.875" style="257" customWidth="1"/>
    <col min="781" max="781" width="4.625" style="257" customWidth="1"/>
    <col min="782" max="782" width="6.875" style="257" customWidth="1"/>
    <col min="783" max="783" width="2.375" style="257" customWidth="1"/>
    <col min="784" max="1024" width="8.875" style="257"/>
    <col min="1025" max="1025" width="2.625" style="257" customWidth="1"/>
    <col min="1026" max="1026" width="1.625" style="257" customWidth="1"/>
    <col min="1027" max="1027" width="10.125" style="257" customWidth="1"/>
    <col min="1028" max="1028" width="8.875" style="257" customWidth="1"/>
    <col min="1029" max="1029" width="6.625" style="257" customWidth="1"/>
    <col min="1030" max="1030" width="2.875" style="257" customWidth="1"/>
    <col min="1031" max="1032" width="8.875" style="257" customWidth="1"/>
    <col min="1033" max="1033" width="4.625" style="257" customWidth="1"/>
    <col min="1034" max="1034" width="4.5" style="257" customWidth="1"/>
    <col min="1035" max="1035" width="9.125" style="257" customWidth="1"/>
    <col min="1036" max="1036" width="8.875" style="257" customWidth="1"/>
    <col min="1037" max="1037" width="4.625" style="257" customWidth="1"/>
    <col min="1038" max="1038" width="6.875" style="257" customWidth="1"/>
    <col min="1039" max="1039" width="2.375" style="257" customWidth="1"/>
    <col min="1040" max="1280" width="8.875" style="257"/>
    <col min="1281" max="1281" width="2.625" style="257" customWidth="1"/>
    <col min="1282" max="1282" width="1.625" style="257" customWidth="1"/>
    <col min="1283" max="1283" width="10.125" style="257" customWidth="1"/>
    <col min="1284" max="1284" width="8.875" style="257" customWidth="1"/>
    <col min="1285" max="1285" width="6.625" style="257" customWidth="1"/>
    <col min="1286" max="1286" width="2.875" style="257" customWidth="1"/>
    <col min="1287" max="1288" width="8.875" style="257" customWidth="1"/>
    <col min="1289" max="1289" width="4.625" style="257" customWidth="1"/>
    <col min="1290" max="1290" width="4.5" style="257" customWidth="1"/>
    <col min="1291" max="1291" width="9.125" style="257" customWidth="1"/>
    <col min="1292" max="1292" width="8.875" style="257" customWidth="1"/>
    <col min="1293" max="1293" width="4.625" style="257" customWidth="1"/>
    <col min="1294" max="1294" width="6.875" style="257" customWidth="1"/>
    <col min="1295" max="1295" width="2.375" style="257" customWidth="1"/>
    <col min="1296" max="1536" width="8.875" style="257"/>
    <col min="1537" max="1537" width="2.625" style="257" customWidth="1"/>
    <col min="1538" max="1538" width="1.625" style="257" customWidth="1"/>
    <col min="1539" max="1539" width="10.125" style="257" customWidth="1"/>
    <col min="1540" max="1540" width="8.875" style="257" customWidth="1"/>
    <col min="1541" max="1541" width="6.625" style="257" customWidth="1"/>
    <col min="1542" max="1542" width="2.875" style="257" customWidth="1"/>
    <col min="1543" max="1544" width="8.875" style="257" customWidth="1"/>
    <col min="1545" max="1545" width="4.625" style="257" customWidth="1"/>
    <col min="1546" max="1546" width="4.5" style="257" customWidth="1"/>
    <col min="1547" max="1547" width="9.125" style="257" customWidth="1"/>
    <col min="1548" max="1548" width="8.875" style="257" customWidth="1"/>
    <col min="1549" max="1549" width="4.625" style="257" customWidth="1"/>
    <col min="1550" max="1550" width="6.875" style="257" customWidth="1"/>
    <col min="1551" max="1551" width="2.375" style="257" customWidth="1"/>
    <col min="1552" max="1792" width="8.875" style="257"/>
    <col min="1793" max="1793" width="2.625" style="257" customWidth="1"/>
    <col min="1794" max="1794" width="1.625" style="257" customWidth="1"/>
    <col min="1795" max="1795" width="10.125" style="257" customWidth="1"/>
    <col min="1796" max="1796" width="8.875" style="257" customWidth="1"/>
    <col min="1797" max="1797" width="6.625" style="257" customWidth="1"/>
    <col min="1798" max="1798" width="2.875" style="257" customWidth="1"/>
    <col min="1799" max="1800" width="8.875" style="257" customWidth="1"/>
    <col min="1801" max="1801" width="4.625" style="257" customWidth="1"/>
    <col min="1802" max="1802" width="4.5" style="257" customWidth="1"/>
    <col min="1803" max="1803" width="9.125" style="257" customWidth="1"/>
    <col min="1804" max="1804" width="8.875" style="257" customWidth="1"/>
    <col min="1805" max="1805" width="4.625" style="257" customWidth="1"/>
    <col min="1806" max="1806" width="6.875" style="257" customWidth="1"/>
    <col min="1807" max="1807" width="2.375" style="257" customWidth="1"/>
    <col min="1808" max="2048" width="8.875" style="257"/>
    <col min="2049" max="2049" width="2.625" style="257" customWidth="1"/>
    <col min="2050" max="2050" width="1.625" style="257" customWidth="1"/>
    <col min="2051" max="2051" width="10.125" style="257" customWidth="1"/>
    <col min="2052" max="2052" width="8.875" style="257" customWidth="1"/>
    <col min="2053" max="2053" width="6.625" style="257" customWidth="1"/>
    <col min="2054" max="2054" width="2.875" style="257" customWidth="1"/>
    <col min="2055" max="2056" width="8.875" style="257" customWidth="1"/>
    <col min="2057" max="2057" width="4.625" style="257" customWidth="1"/>
    <col min="2058" max="2058" width="4.5" style="257" customWidth="1"/>
    <col min="2059" max="2059" width="9.125" style="257" customWidth="1"/>
    <col min="2060" max="2060" width="8.875" style="257" customWidth="1"/>
    <col min="2061" max="2061" width="4.625" style="257" customWidth="1"/>
    <col min="2062" max="2062" width="6.875" style="257" customWidth="1"/>
    <col min="2063" max="2063" width="2.375" style="257" customWidth="1"/>
    <col min="2064" max="2304" width="8.875" style="257"/>
    <col min="2305" max="2305" width="2.625" style="257" customWidth="1"/>
    <col min="2306" max="2306" width="1.625" style="257" customWidth="1"/>
    <col min="2307" max="2307" width="10.125" style="257" customWidth="1"/>
    <col min="2308" max="2308" width="8.875" style="257" customWidth="1"/>
    <col min="2309" max="2309" width="6.625" style="257" customWidth="1"/>
    <col min="2310" max="2310" width="2.875" style="257" customWidth="1"/>
    <col min="2311" max="2312" width="8.875" style="257" customWidth="1"/>
    <col min="2313" max="2313" width="4.625" style="257" customWidth="1"/>
    <col min="2314" max="2314" width="4.5" style="257" customWidth="1"/>
    <col min="2315" max="2315" width="9.125" style="257" customWidth="1"/>
    <col min="2316" max="2316" width="8.875" style="257" customWidth="1"/>
    <col min="2317" max="2317" width="4.625" style="257" customWidth="1"/>
    <col min="2318" max="2318" width="6.875" style="257" customWidth="1"/>
    <col min="2319" max="2319" width="2.375" style="257" customWidth="1"/>
    <col min="2320" max="2560" width="8.875" style="257"/>
    <col min="2561" max="2561" width="2.625" style="257" customWidth="1"/>
    <col min="2562" max="2562" width="1.625" style="257" customWidth="1"/>
    <col min="2563" max="2563" width="10.125" style="257" customWidth="1"/>
    <col min="2564" max="2564" width="8.875" style="257" customWidth="1"/>
    <col min="2565" max="2565" width="6.625" style="257" customWidth="1"/>
    <col min="2566" max="2566" width="2.875" style="257" customWidth="1"/>
    <col min="2567" max="2568" width="8.875" style="257" customWidth="1"/>
    <col min="2569" max="2569" width="4.625" style="257" customWidth="1"/>
    <col min="2570" max="2570" width="4.5" style="257" customWidth="1"/>
    <col min="2571" max="2571" width="9.125" style="257" customWidth="1"/>
    <col min="2572" max="2572" width="8.875" style="257" customWidth="1"/>
    <col min="2573" max="2573" width="4.625" style="257" customWidth="1"/>
    <col min="2574" max="2574" width="6.875" style="257" customWidth="1"/>
    <col min="2575" max="2575" width="2.375" style="257" customWidth="1"/>
    <col min="2576" max="2816" width="8.875" style="257"/>
    <col min="2817" max="2817" width="2.625" style="257" customWidth="1"/>
    <col min="2818" max="2818" width="1.625" style="257" customWidth="1"/>
    <col min="2819" max="2819" width="10.125" style="257" customWidth="1"/>
    <col min="2820" max="2820" width="8.875" style="257" customWidth="1"/>
    <col min="2821" max="2821" width="6.625" style="257" customWidth="1"/>
    <col min="2822" max="2822" width="2.875" style="257" customWidth="1"/>
    <col min="2823" max="2824" width="8.875" style="257" customWidth="1"/>
    <col min="2825" max="2825" width="4.625" style="257" customWidth="1"/>
    <col min="2826" max="2826" width="4.5" style="257" customWidth="1"/>
    <col min="2827" max="2827" width="9.125" style="257" customWidth="1"/>
    <col min="2828" max="2828" width="8.875" style="257" customWidth="1"/>
    <col min="2829" max="2829" width="4.625" style="257" customWidth="1"/>
    <col min="2830" max="2830" width="6.875" style="257" customWidth="1"/>
    <col min="2831" max="2831" width="2.375" style="257" customWidth="1"/>
    <col min="2832" max="3072" width="8.875" style="257"/>
    <col min="3073" max="3073" width="2.625" style="257" customWidth="1"/>
    <col min="3074" max="3074" width="1.625" style="257" customWidth="1"/>
    <col min="3075" max="3075" width="10.125" style="257" customWidth="1"/>
    <col min="3076" max="3076" width="8.875" style="257" customWidth="1"/>
    <col min="3077" max="3077" width="6.625" style="257" customWidth="1"/>
    <col min="3078" max="3078" width="2.875" style="257" customWidth="1"/>
    <col min="3079" max="3080" width="8.875" style="257" customWidth="1"/>
    <col min="3081" max="3081" width="4.625" style="257" customWidth="1"/>
    <col min="3082" max="3082" width="4.5" style="257" customWidth="1"/>
    <col min="3083" max="3083" width="9.125" style="257" customWidth="1"/>
    <col min="3084" max="3084" width="8.875" style="257" customWidth="1"/>
    <col min="3085" max="3085" width="4.625" style="257" customWidth="1"/>
    <col min="3086" max="3086" width="6.875" style="257" customWidth="1"/>
    <col min="3087" max="3087" width="2.375" style="257" customWidth="1"/>
    <col min="3088" max="3328" width="8.875" style="257"/>
    <col min="3329" max="3329" width="2.625" style="257" customWidth="1"/>
    <col min="3330" max="3330" width="1.625" style="257" customWidth="1"/>
    <col min="3331" max="3331" width="10.125" style="257" customWidth="1"/>
    <col min="3332" max="3332" width="8.875" style="257" customWidth="1"/>
    <col min="3333" max="3333" width="6.625" style="257" customWidth="1"/>
    <col min="3334" max="3334" width="2.875" style="257" customWidth="1"/>
    <col min="3335" max="3336" width="8.875" style="257" customWidth="1"/>
    <col min="3337" max="3337" width="4.625" style="257" customWidth="1"/>
    <col min="3338" max="3338" width="4.5" style="257" customWidth="1"/>
    <col min="3339" max="3339" width="9.125" style="257" customWidth="1"/>
    <col min="3340" max="3340" width="8.875" style="257" customWidth="1"/>
    <col min="3341" max="3341" width="4.625" style="257" customWidth="1"/>
    <col min="3342" max="3342" width="6.875" style="257" customWidth="1"/>
    <col min="3343" max="3343" width="2.375" style="257" customWidth="1"/>
    <col min="3344" max="3584" width="8.875" style="257"/>
    <col min="3585" max="3585" width="2.625" style="257" customWidth="1"/>
    <col min="3586" max="3586" width="1.625" style="257" customWidth="1"/>
    <col min="3587" max="3587" width="10.125" style="257" customWidth="1"/>
    <col min="3588" max="3588" width="8.875" style="257" customWidth="1"/>
    <col min="3589" max="3589" width="6.625" style="257" customWidth="1"/>
    <col min="3590" max="3590" width="2.875" style="257" customWidth="1"/>
    <col min="3591" max="3592" width="8.875" style="257" customWidth="1"/>
    <col min="3593" max="3593" width="4.625" style="257" customWidth="1"/>
    <col min="3594" max="3594" width="4.5" style="257" customWidth="1"/>
    <col min="3595" max="3595" width="9.125" style="257" customWidth="1"/>
    <col min="3596" max="3596" width="8.875" style="257" customWidth="1"/>
    <col min="3597" max="3597" width="4.625" style="257" customWidth="1"/>
    <col min="3598" max="3598" width="6.875" style="257" customWidth="1"/>
    <col min="3599" max="3599" width="2.375" style="257" customWidth="1"/>
    <col min="3600" max="3840" width="8.875" style="257"/>
    <col min="3841" max="3841" width="2.625" style="257" customWidth="1"/>
    <col min="3842" max="3842" width="1.625" style="257" customWidth="1"/>
    <col min="3843" max="3843" width="10.125" style="257" customWidth="1"/>
    <col min="3844" max="3844" width="8.875" style="257" customWidth="1"/>
    <col min="3845" max="3845" width="6.625" style="257" customWidth="1"/>
    <col min="3846" max="3846" width="2.875" style="257" customWidth="1"/>
    <col min="3847" max="3848" width="8.875" style="257" customWidth="1"/>
    <col min="3849" max="3849" width="4.625" style="257" customWidth="1"/>
    <col min="3850" max="3850" width="4.5" style="257" customWidth="1"/>
    <col min="3851" max="3851" width="9.125" style="257" customWidth="1"/>
    <col min="3852" max="3852" width="8.875" style="257" customWidth="1"/>
    <col min="3853" max="3853" width="4.625" style="257" customWidth="1"/>
    <col min="3854" max="3854" width="6.875" style="257" customWidth="1"/>
    <col min="3855" max="3855" width="2.375" style="257" customWidth="1"/>
    <col min="3856" max="4096" width="8.875" style="257"/>
    <col min="4097" max="4097" width="2.625" style="257" customWidth="1"/>
    <col min="4098" max="4098" width="1.625" style="257" customWidth="1"/>
    <col min="4099" max="4099" width="10.125" style="257" customWidth="1"/>
    <col min="4100" max="4100" width="8.875" style="257" customWidth="1"/>
    <col min="4101" max="4101" width="6.625" style="257" customWidth="1"/>
    <col min="4102" max="4102" width="2.875" style="257" customWidth="1"/>
    <col min="4103" max="4104" width="8.875" style="257" customWidth="1"/>
    <col min="4105" max="4105" width="4.625" style="257" customWidth="1"/>
    <col min="4106" max="4106" width="4.5" style="257" customWidth="1"/>
    <col min="4107" max="4107" width="9.125" style="257" customWidth="1"/>
    <col min="4108" max="4108" width="8.875" style="257" customWidth="1"/>
    <col min="4109" max="4109" width="4.625" style="257" customWidth="1"/>
    <col min="4110" max="4110" width="6.875" style="257" customWidth="1"/>
    <col min="4111" max="4111" width="2.375" style="257" customWidth="1"/>
    <col min="4112" max="4352" width="8.875" style="257"/>
    <col min="4353" max="4353" width="2.625" style="257" customWidth="1"/>
    <col min="4354" max="4354" width="1.625" style="257" customWidth="1"/>
    <col min="4355" max="4355" width="10.125" style="257" customWidth="1"/>
    <col min="4356" max="4356" width="8.875" style="257" customWidth="1"/>
    <col min="4357" max="4357" width="6.625" style="257" customWidth="1"/>
    <col min="4358" max="4358" width="2.875" style="257" customWidth="1"/>
    <col min="4359" max="4360" width="8.875" style="257" customWidth="1"/>
    <col min="4361" max="4361" width="4.625" style="257" customWidth="1"/>
    <col min="4362" max="4362" width="4.5" style="257" customWidth="1"/>
    <col min="4363" max="4363" width="9.125" style="257" customWidth="1"/>
    <col min="4364" max="4364" width="8.875" style="257" customWidth="1"/>
    <col min="4365" max="4365" width="4.625" style="257" customWidth="1"/>
    <col min="4366" max="4366" width="6.875" style="257" customWidth="1"/>
    <col min="4367" max="4367" width="2.375" style="257" customWidth="1"/>
    <col min="4368" max="4608" width="8.875" style="257"/>
    <col min="4609" max="4609" width="2.625" style="257" customWidth="1"/>
    <col min="4610" max="4610" width="1.625" style="257" customWidth="1"/>
    <col min="4611" max="4611" width="10.125" style="257" customWidth="1"/>
    <col min="4612" max="4612" width="8.875" style="257" customWidth="1"/>
    <col min="4613" max="4613" width="6.625" style="257" customWidth="1"/>
    <col min="4614" max="4614" width="2.875" style="257" customWidth="1"/>
    <col min="4615" max="4616" width="8.875" style="257" customWidth="1"/>
    <col min="4617" max="4617" width="4.625" style="257" customWidth="1"/>
    <col min="4618" max="4618" width="4.5" style="257" customWidth="1"/>
    <col min="4619" max="4619" width="9.125" style="257" customWidth="1"/>
    <col min="4620" max="4620" width="8.875" style="257" customWidth="1"/>
    <col min="4621" max="4621" width="4.625" style="257" customWidth="1"/>
    <col min="4622" max="4622" width="6.875" style="257" customWidth="1"/>
    <col min="4623" max="4623" width="2.375" style="257" customWidth="1"/>
    <col min="4624" max="4864" width="8.875" style="257"/>
    <col min="4865" max="4865" width="2.625" style="257" customWidth="1"/>
    <col min="4866" max="4866" width="1.625" style="257" customWidth="1"/>
    <col min="4867" max="4867" width="10.125" style="257" customWidth="1"/>
    <col min="4868" max="4868" width="8.875" style="257" customWidth="1"/>
    <col min="4869" max="4869" width="6.625" style="257" customWidth="1"/>
    <col min="4870" max="4870" width="2.875" style="257" customWidth="1"/>
    <col min="4871" max="4872" width="8.875" style="257" customWidth="1"/>
    <col min="4873" max="4873" width="4.625" style="257" customWidth="1"/>
    <col min="4874" max="4874" width="4.5" style="257" customWidth="1"/>
    <col min="4875" max="4875" width="9.125" style="257" customWidth="1"/>
    <col min="4876" max="4876" width="8.875" style="257" customWidth="1"/>
    <col min="4877" max="4877" width="4.625" style="257" customWidth="1"/>
    <col min="4878" max="4878" width="6.875" style="257" customWidth="1"/>
    <col min="4879" max="4879" width="2.375" style="257" customWidth="1"/>
    <col min="4880" max="5120" width="8.875" style="257"/>
    <col min="5121" max="5121" width="2.625" style="257" customWidth="1"/>
    <col min="5122" max="5122" width="1.625" style="257" customWidth="1"/>
    <col min="5123" max="5123" width="10.125" style="257" customWidth="1"/>
    <col min="5124" max="5124" width="8.875" style="257" customWidth="1"/>
    <col min="5125" max="5125" width="6.625" style="257" customWidth="1"/>
    <col min="5126" max="5126" width="2.875" style="257" customWidth="1"/>
    <col min="5127" max="5128" width="8.875" style="257" customWidth="1"/>
    <col min="5129" max="5129" width="4.625" style="257" customWidth="1"/>
    <col min="5130" max="5130" width="4.5" style="257" customWidth="1"/>
    <col min="5131" max="5131" width="9.125" style="257" customWidth="1"/>
    <col min="5132" max="5132" width="8.875" style="257" customWidth="1"/>
    <col min="5133" max="5133" width="4.625" style="257" customWidth="1"/>
    <col min="5134" max="5134" width="6.875" style="257" customWidth="1"/>
    <col min="5135" max="5135" width="2.375" style="257" customWidth="1"/>
    <col min="5136" max="5376" width="8.875" style="257"/>
    <col min="5377" max="5377" width="2.625" style="257" customWidth="1"/>
    <col min="5378" max="5378" width="1.625" style="257" customWidth="1"/>
    <col min="5379" max="5379" width="10.125" style="257" customWidth="1"/>
    <col min="5380" max="5380" width="8.875" style="257" customWidth="1"/>
    <col min="5381" max="5381" width="6.625" style="257" customWidth="1"/>
    <col min="5382" max="5382" width="2.875" style="257" customWidth="1"/>
    <col min="5383" max="5384" width="8.875" style="257" customWidth="1"/>
    <col min="5385" max="5385" width="4.625" style="257" customWidth="1"/>
    <col min="5386" max="5386" width="4.5" style="257" customWidth="1"/>
    <col min="5387" max="5387" width="9.125" style="257" customWidth="1"/>
    <col min="5388" max="5388" width="8.875" style="257" customWidth="1"/>
    <col min="5389" max="5389" width="4.625" style="257" customWidth="1"/>
    <col min="5390" max="5390" width="6.875" style="257" customWidth="1"/>
    <col min="5391" max="5391" width="2.375" style="257" customWidth="1"/>
    <col min="5392" max="5632" width="8.875" style="257"/>
    <col min="5633" max="5633" width="2.625" style="257" customWidth="1"/>
    <col min="5634" max="5634" width="1.625" style="257" customWidth="1"/>
    <col min="5635" max="5635" width="10.125" style="257" customWidth="1"/>
    <col min="5636" max="5636" width="8.875" style="257" customWidth="1"/>
    <col min="5637" max="5637" width="6.625" style="257" customWidth="1"/>
    <col min="5638" max="5638" width="2.875" style="257" customWidth="1"/>
    <col min="5639" max="5640" width="8.875" style="257" customWidth="1"/>
    <col min="5641" max="5641" width="4.625" style="257" customWidth="1"/>
    <col min="5642" max="5642" width="4.5" style="257" customWidth="1"/>
    <col min="5643" max="5643" width="9.125" style="257" customWidth="1"/>
    <col min="5644" max="5644" width="8.875" style="257" customWidth="1"/>
    <col min="5645" max="5645" width="4.625" style="257" customWidth="1"/>
    <col min="5646" max="5646" width="6.875" style="257" customWidth="1"/>
    <col min="5647" max="5647" width="2.375" style="257" customWidth="1"/>
    <col min="5648" max="5888" width="8.875" style="257"/>
    <col min="5889" max="5889" width="2.625" style="257" customWidth="1"/>
    <col min="5890" max="5890" width="1.625" style="257" customWidth="1"/>
    <col min="5891" max="5891" width="10.125" style="257" customWidth="1"/>
    <col min="5892" max="5892" width="8.875" style="257" customWidth="1"/>
    <col min="5893" max="5893" width="6.625" style="257" customWidth="1"/>
    <col min="5894" max="5894" width="2.875" style="257" customWidth="1"/>
    <col min="5895" max="5896" width="8.875" style="257" customWidth="1"/>
    <col min="5897" max="5897" width="4.625" style="257" customWidth="1"/>
    <col min="5898" max="5898" width="4.5" style="257" customWidth="1"/>
    <col min="5899" max="5899" width="9.125" style="257" customWidth="1"/>
    <col min="5900" max="5900" width="8.875" style="257" customWidth="1"/>
    <col min="5901" max="5901" width="4.625" style="257" customWidth="1"/>
    <col min="5902" max="5902" width="6.875" style="257" customWidth="1"/>
    <col min="5903" max="5903" width="2.375" style="257" customWidth="1"/>
    <col min="5904" max="6144" width="8.875" style="257"/>
    <col min="6145" max="6145" width="2.625" style="257" customWidth="1"/>
    <col min="6146" max="6146" width="1.625" style="257" customWidth="1"/>
    <col min="6147" max="6147" width="10.125" style="257" customWidth="1"/>
    <col min="6148" max="6148" width="8.875" style="257" customWidth="1"/>
    <col min="6149" max="6149" width="6.625" style="257" customWidth="1"/>
    <col min="6150" max="6150" width="2.875" style="257" customWidth="1"/>
    <col min="6151" max="6152" width="8.875" style="257" customWidth="1"/>
    <col min="6153" max="6153" width="4.625" style="257" customWidth="1"/>
    <col min="6154" max="6154" width="4.5" style="257" customWidth="1"/>
    <col min="6155" max="6155" width="9.125" style="257" customWidth="1"/>
    <col min="6156" max="6156" width="8.875" style="257" customWidth="1"/>
    <col min="6157" max="6157" width="4.625" style="257" customWidth="1"/>
    <col min="6158" max="6158" width="6.875" style="257" customWidth="1"/>
    <col min="6159" max="6159" width="2.375" style="257" customWidth="1"/>
    <col min="6160" max="6400" width="8.875" style="257"/>
    <col min="6401" max="6401" width="2.625" style="257" customWidth="1"/>
    <col min="6402" max="6402" width="1.625" style="257" customWidth="1"/>
    <col min="6403" max="6403" width="10.125" style="257" customWidth="1"/>
    <col min="6404" max="6404" width="8.875" style="257" customWidth="1"/>
    <col min="6405" max="6405" width="6.625" style="257" customWidth="1"/>
    <col min="6406" max="6406" width="2.875" style="257" customWidth="1"/>
    <col min="6407" max="6408" width="8.875" style="257" customWidth="1"/>
    <col min="6409" max="6409" width="4.625" style="257" customWidth="1"/>
    <col min="6410" max="6410" width="4.5" style="257" customWidth="1"/>
    <col min="6411" max="6411" width="9.125" style="257" customWidth="1"/>
    <col min="6412" max="6412" width="8.875" style="257" customWidth="1"/>
    <col min="6413" max="6413" width="4.625" style="257" customWidth="1"/>
    <col min="6414" max="6414" width="6.875" style="257" customWidth="1"/>
    <col min="6415" max="6415" width="2.375" style="257" customWidth="1"/>
    <col min="6416" max="6656" width="8.875" style="257"/>
    <col min="6657" max="6657" width="2.625" style="257" customWidth="1"/>
    <col min="6658" max="6658" width="1.625" style="257" customWidth="1"/>
    <col min="6659" max="6659" width="10.125" style="257" customWidth="1"/>
    <col min="6660" max="6660" width="8.875" style="257" customWidth="1"/>
    <col min="6661" max="6661" width="6.625" style="257" customWidth="1"/>
    <col min="6662" max="6662" width="2.875" style="257" customWidth="1"/>
    <col min="6663" max="6664" width="8.875" style="257" customWidth="1"/>
    <col min="6665" max="6665" width="4.625" style="257" customWidth="1"/>
    <col min="6666" max="6666" width="4.5" style="257" customWidth="1"/>
    <col min="6667" max="6667" width="9.125" style="257" customWidth="1"/>
    <col min="6668" max="6668" width="8.875" style="257" customWidth="1"/>
    <col min="6669" max="6669" width="4.625" style="257" customWidth="1"/>
    <col min="6670" max="6670" width="6.875" style="257" customWidth="1"/>
    <col min="6671" max="6671" width="2.375" style="257" customWidth="1"/>
    <col min="6672" max="6912" width="8.875" style="257"/>
    <col min="6913" max="6913" width="2.625" style="257" customWidth="1"/>
    <col min="6914" max="6914" width="1.625" style="257" customWidth="1"/>
    <col min="6915" max="6915" width="10.125" style="257" customWidth="1"/>
    <col min="6916" max="6916" width="8.875" style="257" customWidth="1"/>
    <col min="6917" max="6917" width="6.625" style="257" customWidth="1"/>
    <col min="6918" max="6918" width="2.875" style="257" customWidth="1"/>
    <col min="6919" max="6920" width="8.875" style="257" customWidth="1"/>
    <col min="6921" max="6921" width="4.625" style="257" customWidth="1"/>
    <col min="6922" max="6922" width="4.5" style="257" customWidth="1"/>
    <col min="6923" max="6923" width="9.125" style="257" customWidth="1"/>
    <col min="6924" max="6924" width="8.875" style="257" customWidth="1"/>
    <col min="6925" max="6925" width="4.625" style="257" customWidth="1"/>
    <col min="6926" max="6926" width="6.875" style="257" customWidth="1"/>
    <col min="6927" max="6927" width="2.375" style="257" customWidth="1"/>
    <col min="6928" max="7168" width="8.875" style="257"/>
    <col min="7169" max="7169" width="2.625" style="257" customWidth="1"/>
    <col min="7170" max="7170" width="1.625" style="257" customWidth="1"/>
    <col min="7171" max="7171" width="10.125" style="257" customWidth="1"/>
    <col min="7172" max="7172" width="8.875" style="257" customWidth="1"/>
    <col min="7173" max="7173" width="6.625" style="257" customWidth="1"/>
    <col min="7174" max="7174" width="2.875" style="257" customWidth="1"/>
    <col min="7175" max="7176" width="8.875" style="257" customWidth="1"/>
    <col min="7177" max="7177" width="4.625" style="257" customWidth="1"/>
    <col min="7178" max="7178" width="4.5" style="257" customWidth="1"/>
    <col min="7179" max="7179" width="9.125" style="257" customWidth="1"/>
    <col min="7180" max="7180" width="8.875" style="257" customWidth="1"/>
    <col min="7181" max="7181" width="4.625" style="257" customWidth="1"/>
    <col min="7182" max="7182" width="6.875" style="257" customWidth="1"/>
    <col min="7183" max="7183" width="2.375" style="257" customWidth="1"/>
    <col min="7184" max="7424" width="8.875" style="257"/>
    <col min="7425" max="7425" width="2.625" style="257" customWidth="1"/>
    <col min="7426" max="7426" width="1.625" style="257" customWidth="1"/>
    <col min="7427" max="7427" width="10.125" style="257" customWidth="1"/>
    <col min="7428" max="7428" width="8.875" style="257" customWidth="1"/>
    <col min="7429" max="7429" width="6.625" style="257" customWidth="1"/>
    <col min="7430" max="7430" width="2.875" style="257" customWidth="1"/>
    <col min="7431" max="7432" width="8.875" style="257" customWidth="1"/>
    <col min="7433" max="7433" width="4.625" style="257" customWidth="1"/>
    <col min="7434" max="7434" width="4.5" style="257" customWidth="1"/>
    <col min="7435" max="7435" width="9.125" style="257" customWidth="1"/>
    <col min="7436" max="7436" width="8.875" style="257" customWidth="1"/>
    <col min="7437" max="7437" width="4.625" style="257" customWidth="1"/>
    <col min="7438" max="7438" width="6.875" style="257" customWidth="1"/>
    <col min="7439" max="7439" width="2.375" style="257" customWidth="1"/>
    <col min="7440" max="7680" width="8.875" style="257"/>
    <col min="7681" max="7681" width="2.625" style="257" customWidth="1"/>
    <col min="7682" max="7682" width="1.625" style="257" customWidth="1"/>
    <col min="7683" max="7683" width="10.125" style="257" customWidth="1"/>
    <col min="7684" max="7684" width="8.875" style="257" customWidth="1"/>
    <col min="7685" max="7685" width="6.625" style="257" customWidth="1"/>
    <col min="7686" max="7686" width="2.875" style="257" customWidth="1"/>
    <col min="7687" max="7688" width="8.875" style="257" customWidth="1"/>
    <col min="7689" max="7689" width="4.625" style="257" customWidth="1"/>
    <col min="7690" max="7690" width="4.5" style="257" customWidth="1"/>
    <col min="7691" max="7691" width="9.125" style="257" customWidth="1"/>
    <col min="7692" max="7692" width="8.875" style="257" customWidth="1"/>
    <col min="7693" max="7693" width="4.625" style="257" customWidth="1"/>
    <col min="7694" max="7694" width="6.875" style="257" customWidth="1"/>
    <col min="7695" max="7695" width="2.375" style="257" customWidth="1"/>
    <col min="7696" max="7936" width="8.875" style="257"/>
    <col min="7937" max="7937" width="2.625" style="257" customWidth="1"/>
    <col min="7938" max="7938" width="1.625" style="257" customWidth="1"/>
    <col min="7939" max="7939" width="10.125" style="257" customWidth="1"/>
    <col min="7940" max="7940" width="8.875" style="257" customWidth="1"/>
    <col min="7941" max="7941" width="6.625" style="257" customWidth="1"/>
    <col min="7942" max="7942" width="2.875" style="257" customWidth="1"/>
    <col min="7943" max="7944" width="8.875" style="257" customWidth="1"/>
    <col min="7945" max="7945" width="4.625" style="257" customWidth="1"/>
    <col min="7946" max="7946" width="4.5" style="257" customWidth="1"/>
    <col min="7947" max="7947" width="9.125" style="257" customWidth="1"/>
    <col min="7948" max="7948" width="8.875" style="257" customWidth="1"/>
    <col min="7949" max="7949" width="4.625" style="257" customWidth="1"/>
    <col min="7950" max="7950" width="6.875" style="257" customWidth="1"/>
    <col min="7951" max="7951" width="2.375" style="257" customWidth="1"/>
    <col min="7952" max="8192" width="8.875" style="257"/>
    <col min="8193" max="8193" width="2.625" style="257" customWidth="1"/>
    <col min="8194" max="8194" width="1.625" style="257" customWidth="1"/>
    <col min="8195" max="8195" width="10.125" style="257" customWidth="1"/>
    <col min="8196" max="8196" width="8.875" style="257" customWidth="1"/>
    <col min="8197" max="8197" width="6.625" style="257" customWidth="1"/>
    <col min="8198" max="8198" width="2.875" style="257" customWidth="1"/>
    <col min="8199" max="8200" width="8.875" style="257" customWidth="1"/>
    <col min="8201" max="8201" width="4.625" style="257" customWidth="1"/>
    <col min="8202" max="8202" width="4.5" style="257" customWidth="1"/>
    <col min="8203" max="8203" width="9.125" style="257" customWidth="1"/>
    <col min="8204" max="8204" width="8.875" style="257" customWidth="1"/>
    <col min="8205" max="8205" width="4.625" style="257" customWidth="1"/>
    <col min="8206" max="8206" width="6.875" style="257" customWidth="1"/>
    <col min="8207" max="8207" width="2.375" style="257" customWidth="1"/>
    <col min="8208" max="8448" width="8.875" style="257"/>
    <col min="8449" max="8449" width="2.625" style="257" customWidth="1"/>
    <col min="8450" max="8450" width="1.625" style="257" customWidth="1"/>
    <col min="8451" max="8451" width="10.125" style="257" customWidth="1"/>
    <col min="8452" max="8452" width="8.875" style="257" customWidth="1"/>
    <col min="8453" max="8453" width="6.625" style="257" customWidth="1"/>
    <col min="8454" max="8454" width="2.875" style="257" customWidth="1"/>
    <col min="8455" max="8456" width="8.875" style="257" customWidth="1"/>
    <col min="8457" max="8457" width="4.625" style="257" customWidth="1"/>
    <col min="8458" max="8458" width="4.5" style="257" customWidth="1"/>
    <col min="8459" max="8459" width="9.125" style="257" customWidth="1"/>
    <col min="8460" max="8460" width="8.875" style="257" customWidth="1"/>
    <col min="8461" max="8461" width="4.625" style="257" customWidth="1"/>
    <col min="8462" max="8462" width="6.875" style="257" customWidth="1"/>
    <col min="8463" max="8463" width="2.375" style="257" customWidth="1"/>
    <col min="8464" max="8704" width="8.875" style="257"/>
    <col min="8705" max="8705" width="2.625" style="257" customWidth="1"/>
    <col min="8706" max="8706" width="1.625" style="257" customWidth="1"/>
    <col min="8707" max="8707" width="10.125" style="257" customWidth="1"/>
    <col min="8708" max="8708" width="8.875" style="257" customWidth="1"/>
    <col min="8709" max="8709" width="6.625" style="257" customWidth="1"/>
    <col min="8710" max="8710" width="2.875" style="257" customWidth="1"/>
    <col min="8711" max="8712" width="8.875" style="257" customWidth="1"/>
    <col min="8713" max="8713" width="4.625" style="257" customWidth="1"/>
    <col min="8714" max="8714" width="4.5" style="257" customWidth="1"/>
    <col min="8715" max="8715" width="9.125" style="257" customWidth="1"/>
    <col min="8716" max="8716" width="8.875" style="257" customWidth="1"/>
    <col min="8717" max="8717" width="4.625" style="257" customWidth="1"/>
    <col min="8718" max="8718" width="6.875" style="257" customWidth="1"/>
    <col min="8719" max="8719" width="2.375" style="257" customWidth="1"/>
    <col min="8720" max="8960" width="8.875" style="257"/>
    <col min="8961" max="8961" width="2.625" style="257" customWidth="1"/>
    <col min="8962" max="8962" width="1.625" style="257" customWidth="1"/>
    <col min="8963" max="8963" width="10.125" style="257" customWidth="1"/>
    <col min="8964" max="8964" width="8.875" style="257" customWidth="1"/>
    <col min="8965" max="8965" width="6.625" style="257" customWidth="1"/>
    <col min="8966" max="8966" width="2.875" style="257" customWidth="1"/>
    <col min="8967" max="8968" width="8.875" style="257" customWidth="1"/>
    <col min="8969" max="8969" width="4.625" style="257" customWidth="1"/>
    <col min="8970" max="8970" width="4.5" style="257" customWidth="1"/>
    <col min="8971" max="8971" width="9.125" style="257" customWidth="1"/>
    <col min="8972" max="8972" width="8.875" style="257" customWidth="1"/>
    <col min="8973" max="8973" width="4.625" style="257" customWidth="1"/>
    <col min="8974" max="8974" width="6.875" style="257" customWidth="1"/>
    <col min="8975" max="8975" width="2.375" style="257" customWidth="1"/>
    <col min="8976" max="9216" width="8.875" style="257"/>
    <col min="9217" max="9217" width="2.625" style="257" customWidth="1"/>
    <col min="9218" max="9218" width="1.625" style="257" customWidth="1"/>
    <col min="9219" max="9219" width="10.125" style="257" customWidth="1"/>
    <col min="9220" max="9220" width="8.875" style="257" customWidth="1"/>
    <col min="9221" max="9221" width="6.625" style="257" customWidth="1"/>
    <col min="9222" max="9222" width="2.875" style="257" customWidth="1"/>
    <col min="9223" max="9224" width="8.875" style="257" customWidth="1"/>
    <col min="9225" max="9225" width="4.625" style="257" customWidth="1"/>
    <col min="9226" max="9226" width="4.5" style="257" customWidth="1"/>
    <col min="9227" max="9227" width="9.125" style="257" customWidth="1"/>
    <col min="9228" max="9228" width="8.875" style="257" customWidth="1"/>
    <col min="9229" max="9229" width="4.625" style="257" customWidth="1"/>
    <col min="9230" max="9230" width="6.875" style="257" customWidth="1"/>
    <col min="9231" max="9231" width="2.375" style="257" customWidth="1"/>
    <col min="9232" max="9472" width="8.875" style="257"/>
    <col min="9473" max="9473" width="2.625" style="257" customWidth="1"/>
    <col min="9474" max="9474" width="1.625" style="257" customWidth="1"/>
    <col min="9475" max="9475" width="10.125" style="257" customWidth="1"/>
    <col min="9476" max="9476" width="8.875" style="257" customWidth="1"/>
    <col min="9477" max="9477" width="6.625" style="257" customWidth="1"/>
    <col min="9478" max="9478" width="2.875" style="257" customWidth="1"/>
    <col min="9479" max="9480" width="8.875" style="257" customWidth="1"/>
    <col min="9481" max="9481" width="4.625" style="257" customWidth="1"/>
    <col min="9482" max="9482" width="4.5" style="257" customWidth="1"/>
    <col min="9483" max="9483" width="9.125" style="257" customWidth="1"/>
    <col min="9484" max="9484" width="8.875" style="257" customWidth="1"/>
    <col min="9485" max="9485" width="4.625" style="257" customWidth="1"/>
    <col min="9486" max="9486" width="6.875" style="257" customWidth="1"/>
    <col min="9487" max="9487" width="2.375" style="257" customWidth="1"/>
    <col min="9488" max="9728" width="8.875" style="257"/>
    <col min="9729" max="9729" width="2.625" style="257" customWidth="1"/>
    <col min="9730" max="9730" width="1.625" style="257" customWidth="1"/>
    <col min="9731" max="9731" width="10.125" style="257" customWidth="1"/>
    <col min="9732" max="9732" width="8.875" style="257" customWidth="1"/>
    <col min="9733" max="9733" width="6.625" style="257" customWidth="1"/>
    <col min="9734" max="9734" width="2.875" style="257" customWidth="1"/>
    <col min="9735" max="9736" width="8.875" style="257" customWidth="1"/>
    <col min="9737" max="9737" width="4.625" style="257" customWidth="1"/>
    <col min="9738" max="9738" width="4.5" style="257" customWidth="1"/>
    <col min="9739" max="9739" width="9.125" style="257" customWidth="1"/>
    <col min="9740" max="9740" width="8.875" style="257" customWidth="1"/>
    <col min="9741" max="9741" width="4.625" style="257" customWidth="1"/>
    <col min="9742" max="9742" width="6.875" style="257" customWidth="1"/>
    <col min="9743" max="9743" width="2.375" style="257" customWidth="1"/>
    <col min="9744" max="9984" width="8.875" style="257"/>
    <col min="9985" max="9985" width="2.625" style="257" customWidth="1"/>
    <col min="9986" max="9986" width="1.625" style="257" customWidth="1"/>
    <col min="9987" max="9987" width="10.125" style="257" customWidth="1"/>
    <col min="9988" max="9988" width="8.875" style="257" customWidth="1"/>
    <col min="9989" max="9989" width="6.625" style="257" customWidth="1"/>
    <col min="9990" max="9990" width="2.875" style="257" customWidth="1"/>
    <col min="9991" max="9992" width="8.875" style="257" customWidth="1"/>
    <col min="9993" max="9993" width="4.625" style="257" customWidth="1"/>
    <col min="9994" max="9994" width="4.5" style="257" customWidth="1"/>
    <col min="9995" max="9995" width="9.125" style="257" customWidth="1"/>
    <col min="9996" max="9996" width="8.875" style="257" customWidth="1"/>
    <col min="9997" max="9997" width="4.625" style="257" customWidth="1"/>
    <col min="9998" max="9998" width="6.875" style="257" customWidth="1"/>
    <col min="9999" max="9999" width="2.375" style="257" customWidth="1"/>
    <col min="10000" max="10240" width="8.875" style="257"/>
    <col min="10241" max="10241" width="2.625" style="257" customWidth="1"/>
    <col min="10242" max="10242" width="1.625" style="257" customWidth="1"/>
    <col min="10243" max="10243" width="10.125" style="257" customWidth="1"/>
    <col min="10244" max="10244" width="8.875" style="257" customWidth="1"/>
    <col min="10245" max="10245" width="6.625" style="257" customWidth="1"/>
    <col min="10246" max="10246" width="2.875" style="257" customWidth="1"/>
    <col min="10247" max="10248" width="8.875" style="257" customWidth="1"/>
    <col min="10249" max="10249" width="4.625" style="257" customWidth="1"/>
    <col min="10250" max="10250" width="4.5" style="257" customWidth="1"/>
    <col min="10251" max="10251" width="9.125" style="257" customWidth="1"/>
    <col min="10252" max="10252" width="8.875" style="257" customWidth="1"/>
    <col min="10253" max="10253" width="4.625" style="257" customWidth="1"/>
    <col min="10254" max="10254" width="6.875" style="257" customWidth="1"/>
    <col min="10255" max="10255" width="2.375" style="257" customWidth="1"/>
    <col min="10256" max="10496" width="8.875" style="257"/>
    <col min="10497" max="10497" width="2.625" style="257" customWidth="1"/>
    <col min="10498" max="10498" width="1.625" style="257" customWidth="1"/>
    <col min="10499" max="10499" width="10.125" style="257" customWidth="1"/>
    <col min="10500" max="10500" width="8.875" style="257" customWidth="1"/>
    <col min="10501" max="10501" width="6.625" style="257" customWidth="1"/>
    <col min="10502" max="10502" width="2.875" style="257" customWidth="1"/>
    <col min="10503" max="10504" width="8.875" style="257" customWidth="1"/>
    <col min="10505" max="10505" width="4.625" style="257" customWidth="1"/>
    <col min="10506" max="10506" width="4.5" style="257" customWidth="1"/>
    <col min="10507" max="10507" width="9.125" style="257" customWidth="1"/>
    <col min="10508" max="10508" width="8.875" style="257" customWidth="1"/>
    <col min="10509" max="10509" width="4.625" style="257" customWidth="1"/>
    <col min="10510" max="10510" width="6.875" style="257" customWidth="1"/>
    <col min="10511" max="10511" width="2.375" style="257" customWidth="1"/>
    <col min="10512" max="10752" width="8.875" style="257"/>
    <col min="10753" max="10753" width="2.625" style="257" customWidth="1"/>
    <col min="10754" max="10754" width="1.625" style="257" customWidth="1"/>
    <col min="10755" max="10755" width="10.125" style="257" customWidth="1"/>
    <col min="10756" max="10756" width="8.875" style="257" customWidth="1"/>
    <col min="10757" max="10757" width="6.625" style="257" customWidth="1"/>
    <col min="10758" max="10758" width="2.875" style="257" customWidth="1"/>
    <col min="10759" max="10760" width="8.875" style="257" customWidth="1"/>
    <col min="10761" max="10761" width="4.625" style="257" customWidth="1"/>
    <col min="10762" max="10762" width="4.5" style="257" customWidth="1"/>
    <col min="10763" max="10763" width="9.125" style="257" customWidth="1"/>
    <col min="10764" max="10764" width="8.875" style="257" customWidth="1"/>
    <col min="10765" max="10765" width="4.625" style="257" customWidth="1"/>
    <col min="10766" max="10766" width="6.875" style="257" customWidth="1"/>
    <col min="10767" max="10767" width="2.375" style="257" customWidth="1"/>
    <col min="10768" max="11008" width="8.875" style="257"/>
    <col min="11009" max="11009" width="2.625" style="257" customWidth="1"/>
    <col min="11010" max="11010" width="1.625" style="257" customWidth="1"/>
    <col min="11011" max="11011" width="10.125" style="257" customWidth="1"/>
    <col min="11012" max="11012" width="8.875" style="257" customWidth="1"/>
    <col min="11013" max="11013" width="6.625" style="257" customWidth="1"/>
    <col min="11014" max="11014" width="2.875" style="257" customWidth="1"/>
    <col min="11015" max="11016" width="8.875" style="257" customWidth="1"/>
    <col min="11017" max="11017" width="4.625" style="257" customWidth="1"/>
    <col min="11018" max="11018" width="4.5" style="257" customWidth="1"/>
    <col min="11019" max="11019" width="9.125" style="257" customWidth="1"/>
    <col min="11020" max="11020" width="8.875" style="257" customWidth="1"/>
    <col min="11021" max="11021" width="4.625" style="257" customWidth="1"/>
    <col min="11022" max="11022" width="6.875" style="257" customWidth="1"/>
    <col min="11023" max="11023" width="2.375" style="257" customWidth="1"/>
    <col min="11024" max="11264" width="8.875" style="257"/>
    <col min="11265" max="11265" width="2.625" style="257" customWidth="1"/>
    <col min="11266" max="11266" width="1.625" style="257" customWidth="1"/>
    <col min="11267" max="11267" width="10.125" style="257" customWidth="1"/>
    <col min="11268" max="11268" width="8.875" style="257" customWidth="1"/>
    <col min="11269" max="11269" width="6.625" style="257" customWidth="1"/>
    <col min="11270" max="11270" width="2.875" style="257" customWidth="1"/>
    <col min="11271" max="11272" width="8.875" style="257" customWidth="1"/>
    <col min="11273" max="11273" width="4.625" style="257" customWidth="1"/>
    <col min="11274" max="11274" width="4.5" style="257" customWidth="1"/>
    <col min="11275" max="11275" width="9.125" style="257" customWidth="1"/>
    <col min="11276" max="11276" width="8.875" style="257" customWidth="1"/>
    <col min="11277" max="11277" width="4.625" style="257" customWidth="1"/>
    <col min="11278" max="11278" width="6.875" style="257" customWidth="1"/>
    <col min="11279" max="11279" width="2.375" style="257" customWidth="1"/>
    <col min="11280" max="11520" width="8.875" style="257"/>
    <col min="11521" max="11521" width="2.625" style="257" customWidth="1"/>
    <col min="11522" max="11522" width="1.625" style="257" customWidth="1"/>
    <col min="11523" max="11523" width="10.125" style="257" customWidth="1"/>
    <col min="11524" max="11524" width="8.875" style="257" customWidth="1"/>
    <col min="11525" max="11525" width="6.625" style="257" customWidth="1"/>
    <col min="11526" max="11526" width="2.875" style="257" customWidth="1"/>
    <col min="11527" max="11528" width="8.875" style="257" customWidth="1"/>
    <col min="11529" max="11529" width="4.625" style="257" customWidth="1"/>
    <col min="11530" max="11530" width="4.5" style="257" customWidth="1"/>
    <col min="11531" max="11531" width="9.125" style="257" customWidth="1"/>
    <col min="11532" max="11532" width="8.875" style="257" customWidth="1"/>
    <col min="11533" max="11533" width="4.625" style="257" customWidth="1"/>
    <col min="11534" max="11534" width="6.875" style="257" customWidth="1"/>
    <col min="11535" max="11535" width="2.375" style="257" customWidth="1"/>
    <col min="11536" max="11776" width="8.875" style="257"/>
    <col min="11777" max="11777" width="2.625" style="257" customWidth="1"/>
    <col min="11778" max="11778" width="1.625" style="257" customWidth="1"/>
    <col min="11779" max="11779" width="10.125" style="257" customWidth="1"/>
    <col min="11780" max="11780" width="8.875" style="257" customWidth="1"/>
    <col min="11781" max="11781" width="6.625" style="257" customWidth="1"/>
    <col min="11782" max="11782" width="2.875" style="257" customWidth="1"/>
    <col min="11783" max="11784" width="8.875" style="257" customWidth="1"/>
    <col min="11785" max="11785" width="4.625" style="257" customWidth="1"/>
    <col min="11786" max="11786" width="4.5" style="257" customWidth="1"/>
    <col min="11787" max="11787" width="9.125" style="257" customWidth="1"/>
    <col min="11788" max="11788" width="8.875" style="257" customWidth="1"/>
    <col min="11789" max="11789" width="4.625" style="257" customWidth="1"/>
    <col min="11790" max="11790" width="6.875" style="257" customWidth="1"/>
    <col min="11791" max="11791" width="2.375" style="257" customWidth="1"/>
    <col min="11792" max="12032" width="8.875" style="257"/>
    <col min="12033" max="12033" width="2.625" style="257" customWidth="1"/>
    <col min="12034" max="12034" width="1.625" style="257" customWidth="1"/>
    <col min="12035" max="12035" width="10.125" style="257" customWidth="1"/>
    <col min="12036" max="12036" width="8.875" style="257" customWidth="1"/>
    <col min="12037" max="12037" width="6.625" style="257" customWidth="1"/>
    <col min="12038" max="12038" width="2.875" style="257" customWidth="1"/>
    <col min="12039" max="12040" width="8.875" style="257" customWidth="1"/>
    <col min="12041" max="12041" width="4.625" style="257" customWidth="1"/>
    <col min="12042" max="12042" width="4.5" style="257" customWidth="1"/>
    <col min="12043" max="12043" width="9.125" style="257" customWidth="1"/>
    <col min="12044" max="12044" width="8.875" style="257" customWidth="1"/>
    <col min="12045" max="12045" width="4.625" style="257" customWidth="1"/>
    <col min="12046" max="12046" width="6.875" style="257" customWidth="1"/>
    <col min="12047" max="12047" width="2.375" style="257" customWidth="1"/>
    <col min="12048" max="12288" width="8.875" style="257"/>
    <col min="12289" max="12289" width="2.625" style="257" customWidth="1"/>
    <col min="12290" max="12290" width="1.625" style="257" customWidth="1"/>
    <col min="12291" max="12291" width="10.125" style="257" customWidth="1"/>
    <col min="12292" max="12292" width="8.875" style="257" customWidth="1"/>
    <col min="12293" max="12293" width="6.625" style="257" customWidth="1"/>
    <col min="12294" max="12294" width="2.875" style="257" customWidth="1"/>
    <col min="12295" max="12296" width="8.875" style="257" customWidth="1"/>
    <col min="12297" max="12297" width="4.625" style="257" customWidth="1"/>
    <col min="12298" max="12298" width="4.5" style="257" customWidth="1"/>
    <col min="12299" max="12299" width="9.125" style="257" customWidth="1"/>
    <col min="12300" max="12300" width="8.875" style="257" customWidth="1"/>
    <col min="12301" max="12301" width="4.625" style="257" customWidth="1"/>
    <col min="12302" max="12302" width="6.875" style="257" customWidth="1"/>
    <col min="12303" max="12303" width="2.375" style="257" customWidth="1"/>
    <col min="12304" max="12544" width="8.875" style="257"/>
    <col min="12545" max="12545" width="2.625" style="257" customWidth="1"/>
    <col min="12546" max="12546" width="1.625" style="257" customWidth="1"/>
    <col min="12547" max="12547" width="10.125" style="257" customWidth="1"/>
    <col min="12548" max="12548" width="8.875" style="257" customWidth="1"/>
    <col min="12549" max="12549" width="6.625" style="257" customWidth="1"/>
    <col min="12550" max="12550" width="2.875" style="257" customWidth="1"/>
    <col min="12551" max="12552" width="8.875" style="257" customWidth="1"/>
    <col min="12553" max="12553" width="4.625" style="257" customWidth="1"/>
    <col min="12554" max="12554" width="4.5" style="257" customWidth="1"/>
    <col min="12555" max="12555" width="9.125" style="257" customWidth="1"/>
    <col min="12556" max="12556" width="8.875" style="257" customWidth="1"/>
    <col min="12557" max="12557" width="4.625" style="257" customWidth="1"/>
    <col min="12558" max="12558" width="6.875" style="257" customWidth="1"/>
    <col min="12559" max="12559" width="2.375" style="257" customWidth="1"/>
    <col min="12560" max="12800" width="8.875" style="257"/>
    <col min="12801" max="12801" width="2.625" style="257" customWidth="1"/>
    <col min="12802" max="12802" width="1.625" style="257" customWidth="1"/>
    <col min="12803" max="12803" width="10.125" style="257" customWidth="1"/>
    <col min="12804" max="12804" width="8.875" style="257" customWidth="1"/>
    <col min="12805" max="12805" width="6.625" style="257" customWidth="1"/>
    <col min="12806" max="12806" width="2.875" style="257" customWidth="1"/>
    <col min="12807" max="12808" width="8.875" style="257" customWidth="1"/>
    <col min="12809" max="12809" width="4.625" style="257" customWidth="1"/>
    <col min="12810" max="12810" width="4.5" style="257" customWidth="1"/>
    <col min="12811" max="12811" width="9.125" style="257" customWidth="1"/>
    <col min="12812" max="12812" width="8.875" style="257" customWidth="1"/>
    <col min="12813" max="12813" width="4.625" style="257" customWidth="1"/>
    <col min="12814" max="12814" width="6.875" style="257" customWidth="1"/>
    <col min="12815" max="12815" width="2.375" style="257" customWidth="1"/>
    <col min="12816" max="13056" width="8.875" style="257"/>
    <col min="13057" max="13057" width="2.625" style="257" customWidth="1"/>
    <col min="13058" max="13058" width="1.625" style="257" customWidth="1"/>
    <col min="13059" max="13059" width="10.125" style="257" customWidth="1"/>
    <col min="13060" max="13060" width="8.875" style="257" customWidth="1"/>
    <col min="13061" max="13061" width="6.625" style="257" customWidth="1"/>
    <col min="13062" max="13062" width="2.875" style="257" customWidth="1"/>
    <col min="13063" max="13064" width="8.875" style="257" customWidth="1"/>
    <col min="13065" max="13065" width="4.625" style="257" customWidth="1"/>
    <col min="13066" max="13066" width="4.5" style="257" customWidth="1"/>
    <col min="13067" max="13067" width="9.125" style="257" customWidth="1"/>
    <col min="13068" max="13068" width="8.875" style="257" customWidth="1"/>
    <col min="13069" max="13069" width="4.625" style="257" customWidth="1"/>
    <col min="13070" max="13070" width="6.875" style="257" customWidth="1"/>
    <col min="13071" max="13071" width="2.375" style="257" customWidth="1"/>
    <col min="13072" max="13312" width="8.875" style="257"/>
    <col min="13313" max="13313" width="2.625" style="257" customWidth="1"/>
    <col min="13314" max="13314" width="1.625" style="257" customWidth="1"/>
    <col min="13315" max="13315" width="10.125" style="257" customWidth="1"/>
    <col min="13316" max="13316" width="8.875" style="257" customWidth="1"/>
    <col min="13317" max="13317" width="6.625" style="257" customWidth="1"/>
    <col min="13318" max="13318" width="2.875" style="257" customWidth="1"/>
    <col min="13319" max="13320" width="8.875" style="257" customWidth="1"/>
    <col min="13321" max="13321" width="4.625" style="257" customWidth="1"/>
    <col min="13322" max="13322" width="4.5" style="257" customWidth="1"/>
    <col min="13323" max="13323" width="9.125" style="257" customWidth="1"/>
    <col min="13324" max="13324" width="8.875" style="257" customWidth="1"/>
    <col min="13325" max="13325" width="4.625" style="257" customWidth="1"/>
    <col min="13326" max="13326" width="6.875" style="257" customWidth="1"/>
    <col min="13327" max="13327" width="2.375" style="257" customWidth="1"/>
    <col min="13328" max="13568" width="8.875" style="257"/>
    <col min="13569" max="13569" width="2.625" style="257" customWidth="1"/>
    <col min="13570" max="13570" width="1.625" style="257" customWidth="1"/>
    <col min="13571" max="13571" width="10.125" style="257" customWidth="1"/>
    <col min="13572" max="13572" width="8.875" style="257" customWidth="1"/>
    <col min="13573" max="13573" width="6.625" style="257" customWidth="1"/>
    <col min="13574" max="13574" width="2.875" style="257" customWidth="1"/>
    <col min="13575" max="13576" width="8.875" style="257" customWidth="1"/>
    <col min="13577" max="13577" width="4.625" style="257" customWidth="1"/>
    <col min="13578" max="13578" width="4.5" style="257" customWidth="1"/>
    <col min="13579" max="13579" width="9.125" style="257" customWidth="1"/>
    <col min="13580" max="13580" width="8.875" style="257" customWidth="1"/>
    <col min="13581" max="13581" width="4.625" style="257" customWidth="1"/>
    <col min="13582" max="13582" width="6.875" style="257" customWidth="1"/>
    <col min="13583" max="13583" width="2.375" style="257" customWidth="1"/>
    <col min="13584" max="13824" width="8.875" style="257"/>
    <col min="13825" max="13825" width="2.625" style="257" customWidth="1"/>
    <col min="13826" max="13826" width="1.625" style="257" customWidth="1"/>
    <col min="13827" max="13827" width="10.125" style="257" customWidth="1"/>
    <col min="13828" max="13828" width="8.875" style="257" customWidth="1"/>
    <col min="13829" max="13829" width="6.625" style="257" customWidth="1"/>
    <col min="13830" max="13830" width="2.875" style="257" customWidth="1"/>
    <col min="13831" max="13832" width="8.875" style="257" customWidth="1"/>
    <col min="13833" max="13833" width="4.625" style="257" customWidth="1"/>
    <col min="13834" max="13834" width="4.5" style="257" customWidth="1"/>
    <col min="13835" max="13835" width="9.125" style="257" customWidth="1"/>
    <col min="13836" max="13836" width="8.875" style="257" customWidth="1"/>
    <col min="13837" max="13837" width="4.625" style="257" customWidth="1"/>
    <col min="13838" max="13838" width="6.875" style="257" customWidth="1"/>
    <col min="13839" max="13839" width="2.375" style="257" customWidth="1"/>
    <col min="13840" max="14080" width="8.875" style="257"/>
    <col min="14081" max="14081" width="2.625" style="257" customWidth="1"/>
    <col min="14082" max="14082" width="1.625" style="257" customWidth="1"/>
    <col min="14083" max="14083" width="10.125" style="257" customWidth="1"/>
    <col min="14084" max="14084" width="8.875" style="257" customWidth="1"/>
    <col min="14085" max="14085" width="6.625" style="257" customWidth="1"/>
    <col min="14086" max="14086" width="2.875" style="257" customWidth="1"/>
    <col min="14087" max="14088" width="8.875" style="257" customWidth="1"/>
    <col min="14089" max="14089" width="4.625" style="257" customWidth="1"/>
    <col min="14090" max="14090" width="4.5" style="257" customWidth="1"/>
    <col min="14091" max="14091" width="9.125" style="257" customWidth="1"/>
    <col min="14092" max="14092" width="8.875" style="257" customWidth="1"/>
    <col min="14093" max="14093" width="4.625" style="257" customWidth="1"/>
    <col min="14094" max="14094" width="6.875" style="257" customWidth="1"/>
    <col min="14095" max="14095" width="2.375" style="257" customWidth="1"/>
    <col min="14096" max="14336" width="8.875" style="257"/>
    <col min="14337" max="14337" width="2.625" style="257" customWidth="1"/>
    <col min="14338" max="14338" width="1.625" style="257" customWidth="1"/>
    <col min="14339" max="14339" width="10.125" style="257" customWidth="1"/>
    <col min="14340" max="14340" width="8.875" style="257" customWidth="1"/>
    <col min="14341" max="14341" width="6.625" style="257" customWidth="1"/>
    <col min="14342" max="14342" width="2.875" style="257" customWidth="1"/>
    <col min="14343" max="14344" width="8.875" style="257" customWidth="1"/>
    <col min="14345" max="14345" width="4.625" style="257" customWidth="1"/>
    <col min="14346" max="14346" width="4.5" style="257" customWidth="1"/>
    <col min="14347" max="14347" width="9.125" style="257" customWidth="1"/>
    <col min="14348" max="14348" width="8.875" style="257" customWidth="1"/>
    <col min="14349" max="14349" width="4.625" style="257" customWidth="1"/>
    <col min="14350" max="14350" width="6.875" style="257" customWidth="1"/>
    <col min="14351" max="14351" width="2.375" style="257" customWidth="1"/>
    <col min="14352" max="14592" width="8.875" style="257"/>
    <col min="14593" max="14593" width="2.625" style="257" customWidth="1"/>
    <col min="14594" max="14594" width="1.625" style="257" customWidth="1"/>
    <col min="14595" max="14595" width="10.125" style="257" customWidth="1"/>
    <col min="14596" max="14596" width="8.875" style="257" customWidth="1"/>
    <col min="14597" max="14597" width="6.625" style="257" customWidth="1"/>
    <col min="14598" max="14598" width="2.875" style="257" customWidth="1"/>
    <col min="14599" max="14600" width="8.875" style="257" customWidth="1"/>
    <col min="14601" max="14601" width="4.625" style="257" customWidth="1"/>
    <col min="14602" max="14602" width="4.5" style="257" customWidth="1"/>
    <col min="14603" max="14603" width="9.125" style="257" customWidth="1"/>
    <col min="14604" max="14604" width="8.875" style="257" customWidth="1"/>
    <col min="14605" max="14605" width="4.625" style="257" customWidth="1"/>
    <col min="14606" max="14606" width="6.875" style="257" customWidth="1"/>
    <col min="14607" max="14607" width="2.375" style="257" customWidth="1"/>
    <col min="14608" max="14848" width="8.875" style="257"/>
    <col min="14849" max="14849" width="2.625" style="257" customWidth="1"/>
    <col min="14850" max="14850" width="1.625" style="257" customWidth="1"/>
    <col min="14851" max="14851" width="10.125" style="257" customWidth="1"/>
    <col min="14852" max="14852" width="8.875" style="257" customWidth="1"/>
    <col min="14853" max="14853" width="6.625" style="257" customWidth="1"/>
    <col min="14854" max="14854" width="2.875" style="257" customWidth="1"/>
    <col min="14855" max="14856" width="8.875" style="257" customWidth="1"/>
    <col min="14857" max="14857" width="4.625" style="257" customWidth="1"/>
    <col min="14858" max="14858" width="4.5" style="257" customWidth="1"/>
    <col min="14859" max="14859" width="9.125" style="257" customWidth="1"/>
    <col min="14860" max="14860" width="8.875" style="257" customWidth="1"/>
    <col min="14861" max="14861" width="4.625" style="257" customWidth="1"/>
    <col min="14862" max="14862" width="6.875" style="257" customWidth="1"/>
    <col min="14863" max="14863" width="2.375" style="257" customWidth="1"/>
    <col min="14864" max="15104" width="8.875" style="257"/>
    <col min="15105" max="15105" width="2.625" style="257" customWidth="1"/>
    <col min="15106" max="15106" width="1.625" style="257" customWidth="1"/>
    <col min="15107" max="15107" width="10.125" style="257" customWidth="1"/>
    <col min="15108" max="15108" width="8.875" style="257" customWidth="1"/>
    <col min="15109" max="15109" width="6.625" style="257" customWidth="1"/>
    <col min="15110" max="15110" width="2.875" style="257" customWidth="1"/>
    <col min="15111" max="15112" width="8.875" style="257" customWidth="1"/>
    <col min="15113" max="15113" width="4.625" style="257" customWidth="1"/>
    <col min="15114" max="15114" width="4.5" style="257" customWidth="1"/>
    <col min="15115" max="15115" width="9.125" style="257" customWidth="1"/>
    <col min="15116" max="15116" width="8.875" style="257" customWidth="1"/>
    <col min="15117" max="15117" width="4.625" style="257" customWidth="1"/>
    <col min="15118" max="15118" width="6.875" style="257" customWidth="1"/>
    <col min="15119" max="15119" width="2.375" style="257" customWidth="1"/>
    <col min="15120" max="15360" width="8.875" style="257"/>
    <col min="15361" max="15361" width="2.625" style="257" customWidth="1"/>
    <col min="15362" max="15362" width="1.625" style="257" customWidth="1"/>
    <col min="15363" max="15363" width="10.125" style="257" customWidth="1"/>
    <col min="15364" max="15364" width="8.875" style="257" customWidth="1"/>
    <col min="15365" max="15365" width="6.625" style="257" customWidth="1"/>
    <col min="15366" max="15366" width="2.875" style="257" customWidth="1"/>
    <col min="15367" max="15368" width="8.875" style="257" customWidth="1"/>
    <col min="15369" max="15369" width="4.625" style="257" customWidth="1"/>
    <col min="15370" max="15370" width="4.5" style="257" customWidth="1"/>
    <col min="15371" max="15371" width="9.125" style="257" customWidth="1"/>
    <col min="15372" max="15372" width="8.875" style="257" customWidth="1"/>
    <col min="15373" max="15373" width="4.625" style="257" customWidth="1"/>
    <col min="15374" max="15374" width="6.875" style="257" customWidth="1"/>
    <col min="15375" max="15375" width="2.375" style="257" customWidth="1"/>
    <col min="15376" max="15616" width="8.875" style="257"/>
    <col min="15617" max="15617" width="2.625" style="257" customWidth="1"/>
    <col min="15618" max="15618" width="1.625" style="257" customWidth="1"/>
    <col min="15619" max="15619" width="10.125" style="257" customWidth="1"/>
    <col min="15620" max="15620" width="8.875" style="257" customWidth="1"/>
    <col min="15621" max="15621" width="6.625" style="257" customWidth="1"/>
    <col min="15622" max="15622" width="2.875" style="257" customWidth="1"/>
    <col min="15623" max="15624" width="8.875" style="257" customWidth="1"/>
    <col min="15625" max="15625" width="4.625" style="257" customWidth="1"/>
    <col min="15626" max="15626" width="4.5" style="257" customWidth="1"/>
    <col min="15627" max="15627" width="9.125" style="257" customWidth="1"/>
    <col min="15628" max="15628" width="8.875" style="257" customWidth="1"/>
    <col min="15629" max="15629" width="4.625" style="257" customWidth="1"/>
    <col min="15630" max="15630" width="6.875" style="257" customWidth="1"/>
    <col min="15631" max="15631" width="2.375" style="257" customWidth="1"/>
    <col min="15632" max="15872" width="8.875" style="257"/>
    <col min="15873" max="15873" width="2.625" style="257" customWidth="1"/>
    <col min="15874" max="15874" width="1.625" style="257" customWidth="1"/>
    <col min="15875" max="15875" width="10.125" style="257" customWidth="1"/>
    <col min="15876" max="15876" width="8.875" style="257" customWidth="1"/>
    <col min="15877" max="15877" width="6.625" style="257" customWidth="1"/>
    <col min="15878" max="15878" width="2.875" style="257" customWidth="1"/>
    <col min="15879" max="15880" width="8.875" style="257" customWidth="1"/>
    <col min="15881" max="15881" width="4.625" style="257" customWidth="1"/>
    <col min="15882" max="15882" width="4.5" style="257" customWidth="1"/>
    <col min="15883" max="15883" width="9.125" style="257" customWidth="1"/>
    <col min="15884" max="15884" width="8.875" style="257" customWidth="1"/>
    <col min="15885" max="15885" width="4.625" style="257" customWidth="1"/>
    <col min="15886" max="15886" width="6.875" style="257" customWidth="1"/>
    <col min="15887" max="15887" width="2.375" style="257" customWidth="1"/>
    <col min="15888" max="16128" width="8.875" style="257"/>
    <col min="16129" max="16129" width="2.625" style="257" customWidth="1"/>
    <col min="16130" max="16130" width="1.625" style="257" customWidth="1"/>
    <col min="16131" max="16131" width="10.125" style="257" customWidth="1"/>
    <col min="16132" max="16132" width="8.875" style="257" customWidth="1"/>
    <col min="16133" max="16133" width="6.625" style="257" customWidth="1"/>
    <col min="16134" max="16134" width="2.875" style="257" customWidth="1"/>
    <col min="16135" max="16136" width="8.875" style="257" customWidth="1"/>
    <col min="16137" max="16137" width="4.625" style="257" customWidth="1"/>
    <col min="16138" max="16138" width="4.5" style="257" customWidth="1"/>
    <col min="16139" max="16139" width="9.125" style="257" customWidth="1"/>
    <col min="16140" max="16140" width="8.875" style="257" customWidth="1"/>
    <col min="16141" max="16141" width="4.625" style="257" customWidth="1"/>
    <col min="16142" max="16142" width="6.875" style="257" customWidth="1"/>
    <col min="16143" max="16143" width="2.375" style="257" customWidth="1"/>
    <col min="16144" max="16384" width="8.875" style="257"/>
  </cols>
  <sheetData>
    <row r="1" spans="1:15" ht="18.75" customHeight="1" x14ac:dyDescent="0.15">
      <c r="A1" s="257" t="s">
        <v>373</v>
      </c>
    </row>
    <row r="2" spans="1:15" ht="27" customHeight="1" x14ac:dyDescent="0.15">
      <c r="A2" s="543" t="s">
        <v>374</v>
      </c>
      <c r="B2" s="543"/>
      <c r="C2" s="543"/>
      <c r="D2" s="543"/>
      <c r="E2" s="543"/>
      <c r="F2" s="543"/>
      <c r="G2" s="543"/>
      <c r="H2" s="543"/>
      <c r="I2" s="543"/>
      <c r="J2" s="543"/>
      <c r="K2" s="543"/>
      <c r="L2" s="543"/>
      <c r="M2" s="543"/>
      <c r="N2" s="543"/>
      <c r="O2" s="543"/>
    </row>
    <row r="3" spans="1:15" ht="15" customHeight="1" x14ac:dyDescent="0.15">
      <c r="A3" s="258"/>
      <c r="B3" s="258"/>
      <c r="C3" s="258"/>
      <c r="D3" s="258"/>
      <c r="E3" s="258"/>
      <c r="F3" s="258"/>
      <c r="G3" s="258"/>
      <c r="H3" s="258"/>
      <c r="I3" s="258"/>
      <c r="J3" s="258"/>
      <c r="K3" s="258"/>
      <c r="L3" s="258"/>
      <c r="M3" s="258"/>
      <c r="N3" s="258"/>
    </row>
    <row r="4" spans="1:15" ht="17.25" x14ac:dyDescent="0.15">
      <c r="A4" s="258"/>
      <c r="B4" s="259" t="s">
        <v>375</v>
      </c>
      <c r="C4" s="260"/>
      <c r="D4" s="259"/>
      <c r="E4" s="259"/>
      <c r="F4" s="259"/>
      <c r="G4" s="259"/>
      <c r="H4" s="261"/>
    </row>
    <row r="5" spans="1:15" ht="24" customHeight="1" x14ac:dyDescent="0.15">
      <c r="A5" s="262"/>
      <c r="B5" s="262"/>
      <c r="C5" s="262"/>
      <c r="D5" s="262"/>
      <c r="E5" s="262"/>
      <c r="F5" s="262"/>
      <c r="G5" s="262"/>
      <c r="H5" s="262"/>
      <c r="I5" s="262"/>
      <c r="J5" s="262"/>
      <c r="K5" s="262"/>
      <c r="L5" s="262"/>
      <c r="M5" s="262"/>
      <c r="N5" s="262"/>
    </row>
    <row r="6" spans="1:15" ht="24" customHeight="1" x14ac:dyDescent="0.15">
      <c r="A6" s="262"/>
      <c r="B6" s="494" t="s">
        <v>376</v>
      </c>
      <c r="C6" s="496"/>
      <c r="D6" s="519" t="s">
        <v>377</v>
      </c>
      <c r="E6" s="505"/>
      <c r="F6" s="505"/>
      <c r="G6" s="505"/>
      <c r="H6" s="506"/>
      <c r="I6" s="262"/>
      <c r="J6" s="262"/>
      <c r="K6" s="262"/>
      <c r="L6" s="262"/>
      <c r="M6" s="262"/>
      <c r="N6" s="262"/>
    </row>
    <row r="7" spans="1:15" x14ac:dyDescent="0.15">
      <c r="A7" s="262"/>
      <c r="B7" s="262"/>
      <c r="C7" s="507"/>
      <c r="D7" s="507"/>
      <c r="E7" s="507"/>
      <c r="F7" s="507"/>
      <c r="G7" s="507"/>
      <c r="H7" s="507"/>
      <c r="I7" s="507"/>
      <c r="J7" s="507"/>
      <c r="K7" s="507"/>
      <c r="L7" s="507"/>
      <c r="M7" s="507"/>
      <c r="N7" s="507"/>
    </row>
    <row r="8" spans="1:15" ht="14.25" customHeight="1" x14ac:dyDescent="0.15"/>
    <row r="9" spans="1:15" x14ac:dyDescent="0.15">
      <c r="A9" s="257" t="s">
        <v>378</v>
      </c>
      <c r="L9" s="257" t="s">
        <v>379</v>
      </c>
    </row>
    <row r="10" spans="1:15" ht="4.5" customHeight="1" x14ac:dyDescent="0.15"/>
    <row r="11" spans="1:15" ht="26.25" customHeight="1" x14ac:dyDescent="0.15">
      <c r="B11" s="513" t="s">
        <v>380</v>
      </c>
      <c r="C11" s="514"/>
      <c r="D11" s="514"/>
      <c r="E11" s="515"/>
      <c r="F11" s="519"/>
      <c r="G11" s="505"/>
      <c r="H11" s="505"/>
      <c r="I11" s="505"/>
      <c r="J11" s="506"/>
      <c r="K11" s="263"/>
      <c r="L11" s="263"/>
      <c r="M11" s="263"/>
      <c r="N11" s="263"/>
    </row>
    <row r="12" spans="1:15" ht="30" customHeight="1" x14ac:dyDescent="0.15">
      <c r="B12" s="508" t="s">
        <v>381</v>
      </c>
      <c r="C12" s="508"/>
      <c r="D12" s="508"/>
      <c r="E12" s="508"/>
      <c r="F12" s="519" t="s">
        <v>382</v>
      </c>
      <c r="G12" s="505"/>
      <c r="H12" s="505"/>
      <c r="I12" s="505"/>
      <c r="J12" s="506"/>
      <c r="K12" s="263"/>
      <c r="L12" s="263"/>
      <c r="M12" s="263"/>
      <c r="N12" s="263"/>
    </row>
    <row r="13" spans="1:15" ht="26.25" customHeight="1" x14ac:dyDescent="0.15">
      <c r="B13" s="513" t="s">
        <v>383</v>
      </c>
      <c r="C13" s="514"/>
      <c r="D13" s="514"/>
      <c r="E13" s="515"/>
      <c r="F13" s="519"/>
      <c r="G13" s="505"/>
      <c r="H13" s="505"/>
      <c r="I13" s="505"/>
      <c r="J13" s="506"/>
      <c r="K13" s="264" t="s">
        <v>384</v>
      </c>
      <c r="L13" s="265"/>
      <c r="M13" s="266"/>
      <c r="N13" s="266"/>
    </row>
    <row r="14" spans="1:15" ht="30.75" customHeight="1" x14ac:dyDescent="0.15">
      <c r="B14" s="508" t="s">
        <v>385</v>
      </c>
      <c r="C14" s="508"/>
      <c r="D14" s="508"/>
      <c r="E14" s="508"/>
      <c r="F14" s="519" t="s">
        <v>382</v>
      </c>
      <c r="G14" s="505"/>
      <c r="H14" s="505"/>
      <c r="I14" s="505"/>
      <c r="J14" s="506"/>
      <c r="K14" s="264" t="s">
        <v>386</v>
      </c>
      <c r="L14" s="265"/>
      <c r="M14" s="266"/>
      <c r="N14" s="266"/>
    </row>
    <row r="15" spans="1:15" ht="18.75" customHeight="1" x14ac:dyDescent="0.15">
      <c r="B15" s="267"/>
      <c r="C15" s="267"/>
      <c r="D15" s="267"/>
      <c r="E15" s="267"/>
      <c r="F15" s="268"/>
      <c r="G15" s="268"/>
      <c r="H15" s="268"/>
      <c r="I15" s="268"/>
      <c r="J15" s="268"/>
      <c r="K15" s="269"/>
      <c r="L15" s="269"/>
      <c r="M15" s="269"/>
      <c r="N15" s="269"/>
    </row>
    <row r="16" spans="1:15" ht="15.75" customHeight="1" x14ac:dyDescent="0.15"/>
    <row r="17" spans="1:19" x14ac:dyDescent="0.15">
      <c r="A17" s="257" t="s">
        <v>387</v>
      </c>
      <c r="L17" s="270" t="s">
        <v>379</v>
      </c>
    </row>
    <row r="18" spans="1:19" ht="5.0999999999999996" customHeight="1" x14ac:dyDescent="0.15">
      <c r="S18" s="263"/>
    </row>
    <row r="19" spans="1:19" ht="24.95" customHeight="1" x14ac:dyDescent="0.15">
      <c r="B19" s="513" t="s">
        <v>388</v>
      </c>
      <c r="C19" s="515"/>
      <c r="D19" s="535"/>
      <c r="E19" s="537" t="s">
        <v>219</v>
      </c>
      <c r="F19" s="539" t="s">
        <v>389</v>
      </c>
      <c r="G19" s="541" t="s">
        <v>390</v>
      </c>
      <c r="H19" s="271" t="s">
        <v>391</v>
      </c>
      <c r="I19" s="272"/>
      <c r="J19" s="273" t="s">
        <v>219</v>
      </c>
      <c r="K19" s="541" t="s">
        <v>233</v>
      </c>
      <c r="L19" s="271" t="s">
        <v>391</v>
      </c>
      <c r="M19" s="272"/>
      <c r="N19" s="274" t="s">
        <v>219</v>
      </c>
      <c r="R19" s="263"/>
    </row>
    <row r="20" spans="1:19" ht="24.95" customHeight="1" x14ac:dyDescent="0.15">
      <c r="B20" s="516"/>
      <c r="C20" s="518"/>
      <c r="D20" s="536"/>
      <c r="E20" s="538"/>
      <c r="F20" s="540"/>
      <c r="G20" s="542"/>
      <c r="H20" s="260" t="s">
        <v>392</v>
      </c>
      <c r="I20" s="272"/>
      <c r="J20" s="273" t="s">
        <v>219</v>
      </c>
      <c r="K20" s="542"/>
      <c r="L20" s="260" t="s">
        <v>392</v>
      </c>
      <c r="M20" s="272"/>
      <c r="N20" s="274" t="s">
        <v>219</v>
      </c>
      <c r="R20" s="263"/>
    </row>
    <row r="21" spans="1:19" ht="3.75" customHeight="1" x14ac:dyDescent="0.15">
      <c r="R21" s="263"/>
    </row>
    <row r="22" spans="1:19" ht="13.5" customHeight="1" x14ac:dyDescent="0.15">
      <c r="C22" s="257" t="s">
        <v>393</v>
      </c>
      <c r="D22" s="275"/>
      <c r="E22" s="275"/>
      <c r="F22" s="275"/>
      <c r="G22" s="275"/>
      <c r="H22" s="275"/>
      <c r="I22" s="275"/>
      <c r="J22" s="275"/>
      <c r="K22" s="275"/>
      <c r="L22" s="275"/>
      <c r="M22" s="275"/>
      <c r="N22" s="275"/>
      <c r="R22" s="263"/>
    </row>
    <row r="23" spans="1:19" ht="33.75" customHeight="1" x14ac:dyDescent="0.15">
      <c r="C23" s="511" t="s">
        <v>394</v>
      </c>
      <c r="D23" s="511"/>
      <c r="E23" s="511"/>
      <c r="F23" s="511"/>
      <c r="G23" s="511"/>
      <c r="H23" s="511"/>
      <c r="I23" s="511"/>
      <c r="J23" s="511"/>
      <c r="K23" s="511"/>
      <c r="L23" s="511"/>
      <c r="M23" s="511"/>
      <c r="N23" s="511"/>
      <c r="R23" s="263"/>
    </row>
    <row r="24" spans="1:19" ht="13.5" customHeight="1" x14ac:dyDescent="0.15">
      <c r="D24" s="275"/>
      <c r="E24" s="275"/>
      <c r="F24" s="275"/>
      <c r="G24" s="275"/>
      <c r="H24" s="275"/>
      <c r="I24" s="275"/>
      <c r="J24" s="275"/>
      <c r="K24" s="275"/>
      <c r="L24" s="275"/>
      <c r="M24" s="275"/>
      <c r="N24" s="275"/>
      <c r="R24" s="263"/>
    </row>
    <row r="25" spans="1:19" ht="15.75" customHeight="1" x14ac:dyDescent="0.15">
      <c r="C25" s="275"/>
      <c r="D25" s="275"/>
      <c r="E25" s="275"/>
      <c r="F25" s="275"/>
      <c r="G25" s="275"/>
      <c r="H25" s="275"/>
      <c r="I25" s="275"/>
      <c r="J25" s="275"/>
      <c r="K25" s="275"/>
      <c r="L25" s="275"/>
      <c r="M25" s="275"/>
      <c r="N25" s="275"/>
      <c r="P25" s="263"/>
    </row>
    <row r="26" spans="1:19" ht="13.5" customHeight="1" x14ac:dyDescent="0.15">
      <c r="A26" s="257" t="s">
        <v>395</v>
      </c>
      <c r="B26" s="275"/>
      <c r="C26" s="275"/>
      <c r="D26" s="275"/>
      <c r="E26" s="275"/>
      <c r="F26" s="275"/>
      <c r="G26" s="275"/>
      <c r="H26" s="275"/>
      <c r="I26" s="275"/>
      <c r="J26" s="275"/>
      <c r="K26" s="275"/>
      <c r="L26" s="257" t="s">
        <v>379</v>
      </c>
      <c r="N26" s="275"/>
    </row>
    <row r="27" spans="1:19" ht="4.5" customHeight="1" x14ac:dyDescent="0.15"/>
    <row r="28" spans="1:19" x14ac:dyDescent="0.15">
      <c r="B28" s="523" t="s">
        <v>396</v>
      </c>
      <c r="C28" s="524"/>
      <c r="D28" s="524"/>
      <c r="E28" s="524"/>
      <c r="F28" s="524"/>
      <c r="G28" s="524"/>
      <c r="H28" s="524"/>
      <c r="I28" s="524"/>
      <c r="J28" s="525"/>
      <c r="K28" s="513"/>
      <c r="L28" s="514"/>
      <c r="M28" s="514"/>
      <c r="N28" s="515"/>
    </row>
    <row r="29" spans="1:19" x14ac:dyDescent="0.15">
      <c r="B29" s="490"/>
      <c r="C29" s="485"/>
      <c r="D29" s="485"/>
      <c r="E29" s="485"/>
      <c r="F29" s="485"/>
      <c r="G29" s="485"/>
      <c r="H29" s="485"/>
      <c r="I29" s="485"/>
      <c r="J29" s="486"/>
      <c r="K29" s="487" t="s">
        <v>397</v>
      </c>
      <c r="L29" s="488"/>
      <c r="M29" s="488"/>
      <c r="N29" s="489"/>
      <c r="Q29" s="263"/>
    </row>
    <row r="30" spans="1:19" x14ac:dyDescent="0.15">
      <c r="B30" s="526"/>
      <c r="C30" s="527"/>
      <c r="D30" s="527"/>
      <c r="E30" s="527"/>
      <c r="F30" s="527"/>
      <c r="G30" s="527"/>
      <c r="H30" s="527"/>
      <c r="I30" s="527"/>
      <c r="J30" s="528"/>
      <c r="K30" s="529"/>
      <c r="L30" s="530"/>
      <c r="M30" s="530"/>
      <c r="N30" s="531"/>
      <c r="Q30" s="263"/>
    </row>
    <row r="31" spans="1:19" ht="30.75" customHeight="1" x14ac:dyDescent="0.15">
      <c r="B31" s="494" t="s">
        <v>398</v>
      </c>
      <c r="C31" s="496"/>
      <c r="D31" s="532"/>
      <c r="E31" s="533"/>
      <c r="F31" s="533"/>
      <c r="G31" s="533"/>
      <c r="H31" s="533"/>
      <c r="I31" s="533"/>
      <c r="J31" s="533"/>
      <c r="K31" s="533"/>
      <c r="L31" s="533"/>
      <c r="M31" s="533"/>
      <c r="N31" s="534"/>
      <c r="Q31" s="263"/>
      <c r="R31" s="263"/>
    </row>
    <row r="32" spans="1:19" ht="3.75" customHeight="1" x14ac:dyDescent="0.15"/>
    <row r="33" spans="1:18" s="276" customFormat="1" ht="15" customHeight="1" x14ac:dyDescent="0.15">
      <c r="C33" s="498" t="s">
        <v>399</v>
      </c>
      <c r="D33" s="498" t="s">
        <v>400</v>
      </c>
      <c r="E33" s="498" t="s">
        <v>400</v>
      </c>
      <c r="F33" s="498" t="s">
        <v>400</v>
      </c>
      <c r="G33" s="498" t="s">
        <v>400</v>
      </c>
      <c r="H33" s="498" t="s">
        <v>400</v>
      </c>
      <c r="I33" s="498" t="s">
        <v>400</v>
      </c>
      <c r="J33" s="498" t="s">
        <v>400</v>
      </c>
      <c r="K33" s="498" t="s">
        <v>400</v>
      </c>
      <c r="L33" s="498" t="s">
        <v>400</v>
      </c>
      <c r="M33" s="498" t="s">
        <v>400</v>
      </c>
      <c r="N33" s="498" t="s">
        <v>400</v>
      </c>
    </row>
    <row r="34" spans="1:18" ht="44.25" customHeight="1" x14ac:dyDescent="0.15">
      <c r="C34" s="511" t="s">
        <v>401</v>
      </c>
      <c r="D34" s="511"/>
      <c r="E34" s="511"/>
      <c r="F34" s="511"/>
      <c r="G34" s="511"/>
      <c r="H34" s="511"/>
      <c r="I34" s="511"/>
      <c r="J34" s="511"/>
      <c r="K34" s="511"/>
      <c r="L34" s="511"/>
      <c r="M34" s="511"/>
      <c r="N34" s="511"/>
      <c r="R34" s="263"/>
    </row>
    <row r="35" spans="1:18" s="276" customFormat="1" ht="12.75" customHeight="1" x14ac:dyDescent="0.15">
      <c r="C35" s="277"/>
      <c r="D35" s="277"/>
      <c r="E35" s="277"/>
      <c r="F35" s="277"/>
      <c r="G35" s="277"/>
      <c r="H35" s="277"/>
      <c r="I35" s="277"/>
      <c r="J35" s="277"/>
      <c r="K35" s="277"/>
      <c r="L35" s="277"/>
      <c r="M35" s="277"/>
      <c r="N35" s="277"/>
    </row>
    <row r="36" spans="1:18" s="276" customFormat="1" ht="15.75" customHeight="1" x14ac:dyDescent="0.15">
      <c r="C36" s="277"/>
      <c r="D36" s="277"/>
      <c r="E36" s="277"/>
      <c r="F36" s="277"/>
      <c r="G36" s="277"/>
      <c r="H36" s="277"/>
      <c r="I36" s="277"/>
      <c r="J36" s="277"/>
      <c r="K36" s="278"/>
      <c r="L36" s="278"/>
      <c r="M36" s="278"/>
      <c r="N36" s="278"/>
    </row>
    <row r="37" spans="1:18" x14ac:dyDescent="0.15">
      <c r="A37" s="257" t="s">
        <v>402</v>
      </c>
      <c r="L37" s="257" t="s">
        <v>379</v>
      </c>
      <c r="P37" s="263"/>
    </row>
    <row r="38" spans="1:18" ht="4.5" customHeight="1" x14ac:dyDescent="0.15"/>
    <row r="39" spans="1:18" ht="20.100000000000001" customHeight="1" x14ac:dyDescent="0.15">
      <c r="B39" s="512" t="s">
        <v>403</v>
      </c>
      <c r="C39" s="512"/>
      <c r="D39" s="512"/>
      <c r="E39" s="512"/>
      <c r="F39" s="512"/>
      <c r="G39" s="512"/>
      <c r="H39" s="512"/>
      <c r="I39" s="512"/>
      <c r="J39" s="512"/>
      <c r="K39" s="513" t="s">
        <v>397</v>
      </c>
      <c r="L39" s="514"/>
      <c r="M39" s="514"/>
      <c r="N39" s="515"/>
    </row>
    <row r="40" spans="1:18" ht="20.100000000000001" customHeight="1" x14ac:dyDescent="0.15">
      <c r="B40" s="512"/>
      <c r="C40" s="512"/>
      <c r="D40" s="512"/>
      <c r="E40" s="512"/>
      <c r="F40" s="512"/>
      <c r="G40" s="512"/>
      <c r="H40" s="512"/>
      <c r="I40" s="512"/>
      <c r="J40" s="512"/>
      <c r="K40" s="516"/>
      <c r="L40" s="517"/>
      <c r="M40" s="517"/>
      <c r="N40" s="518"/>
    </row>
    <row r="41" spans="1:18" ht="44.25" customHeight="1" x14ac:dyDescent="0.15">
      <c r="B41" s="519" t="s">
        <v>404</v>
      </c>
      <c r="C41" s="505"/>
      <c r="D41" s="506"/>
      <c r="E41" s="520"/>
      <c r="F41" s="521"/>
      <c r="G41" s="521"/>
      <c r="H41" s="521"/>
      <c r="I41" s="521"/>
      <c r="J41" s="521"/>
      <c r="K41" s="521"/>
      <c r="L41" s="521"/>
      <c r="M41" s="521"/>
      <c r="N41" s="522"/>
    </row>
    <row r="42" spans="1:18" s="276" customFormat="1" ht="15" customHeight="1" x14ac:dyDescent="0.15">
      <c r="C42" s="498" t="s">
        <v>405</v>
      </c>
      <c r="D42" s="498" t="s">
        <v>400</v>
      </c>
      <c r="E42" s="498" t="s">
        <v>400</v>
      </c>
      <c r="F42" s="498" t="s">
        <v>400</v>
      </c>
      <c r="G42" s="498" t="s">
        <v>400</v>
      </c>
      <c r="H42" s="498" t="s">
        <v>400</v>
      </c>
      <c r="I42" s="498" t="s">
        <v>400</v>
      </c>
      <c r="J42" s="498" t="s">
        <v>400</v>
      </c>
      <c r="K42" s="498" t="s">
        <v>400</v>
      </c>
      <c r="L42" s="498" t="s">
        <v>400</v>
      </c>
      <c r="M42" s="498" t="s">
        <v>400</v>
      </c>
      <c r="N42" s="498" t="s">
        <v>400</v>
      </c>
    </row>
    <row r="43" spans="1:18" s="276" customFormat="1" ht="12.75" customHeight="1" x14ac:dyDescent="0.15">
      <c r="C43" s="277"/>
      <c r="D43" s="277"/>
      <c r="E43" s="277"/>
      <c r="F43" s="277"/>
      <c r="G43" s="277"/>
      <c r="H43" s="277"/>
      <c r="I43" s="277"/>
      <c r="J43" s="277"/>
      <c r="K43" s="277"/>
      <c r="L43" s="277"/>
      <c r="M43" s="277"/>
      <c r="N43" s="277"/>
    </row>
    <row r="44" spans="1:18" ht="9" customHeight="1" x14ac:dyDescent="0.15"/>
    <row r="45" spans="1:18" x14ac:dyDescent="0.15">
      <c r="A45" s="507" t="s">
        <v>406</v>
      </c>
      <c r="B45" s="507"/>
      <c r="C45" s="507"/>
      <c r="D45" s="507"/>
      <c r="E45" s="507"/>
      <c r="F45" s="507"/>
      <c r="G45" s="507"/>
      <c r="H45" s="507"/>
      <c r="I45" s="507"/>
      <c r="J45" s="507"/>
      <c r="K45" s="507"/>
      <c r="L45" s="507"/>
      <c r="M45" s="507"/>
      <c r="N45" s="507"/>
    </row>
    <row r="46" spans="1:18" s="279" customFormat="1" ht="15" customHeight="1" x14ac:dyDescent="0.15">
      <c r="B46" s="279" t="s">
        <v>407</v>
      </c>
      <c r="M46" s="280" t="s">
        <v>408</v>
      </c>
    </row>
    <row r="47" spans="1:18" ht="5.0999999999999996" customHeight="1" x14ac:dyDescent="0.15"/>
    <row r="48" spans="1:18" s="262" customFormat="1" ht="39.950000000000003" customHeight="1" x14ac:dyDescent="0.15">
      <c r="B48" s="508" t="s">
        <v>409</v>
      </c>
      <c r="C48" s="508"/>
      <c r="D48" s="508"/>
      <c r="E48" s="505" t="s">
        <v>410</v>
      </c>
      <c r="F48" s="509"/>
      <c r="G48" s="281" t="s">
        <v>411</v>
      </c>
      <c r="H48" s="282" t="s">
        <v>412</v>
      </c>
      <c r="I48" s="510" t="s">
        <v>413</v>
      </c>
      <c r="J48" s="509"/>
      <c r="K48" s="281" t="s">
        <v>414</v>
      </c>
      <c r="L48" s="494" t="s">
        <v>415</v>
      </c>
      <c r="M48" s="495"/>
      <c r="N48" s="496"/>
    </row>
    <row r="49" spans="1:18" ht="32.25" customHeight="1" x14ac:dyDescent="0.15">
      <c r="B49" s="500" t="s">
        <v>219</v>
      </c>
      <c r="C49" s="501"/>
      <c r="D49" s="502"/>
      <c r="E49" s="501" t="s">
        <v>219</v>
      </c>
      <c r="F49" s="503"/>
      <c r="G49" s="283" t="s">
        <v>219</v>
      </c>
      <c r="H49" s="284" t="s">
        <v>219</v>
      </c>
      <c r="I49" s="504" t="s">
        <v>219</v>
      </c>
      <c r="J49" s="503"/>
      <c r="K49" s="283" t="s">
        <v>219</v>
      </c>
      <c r="L49" s="500" t="s">
        <v>416</v>
      </c>
      <c r="M49" s="501"/>
      <c r="N49" s="502"/>
      <c r="Q49" s="263"/>
      <c r="R49" s="263"/>
    </row>
    <row r="50" spans="1:18" ht="3.75" customHeight="1" x14ac:dyDescent="0.15">
      <c r="Q50" s="263"/>
      <c r="R50" s="263"/>
    </row>
    <row r="51" spans="1:18" s="279" customFormat="1" ht="16.5" customHeight="1" x14ac:dyDescent="0.15">
      <c r="B51" s="279" t="s">
        <v>417</v>
      </c>
      <c r="L51" s="257" t="s">
        <v>379</v>
      </c>
    </row>
    <row r="52" spans="1:18" ht="5.0999999999999996" customHeight="1" x14ac:dyDescent="0.15"/>
    <row r="53" spans="1:18" ht="50.1" customHeight="1" x14ac:dyDescent="0.15">
      <c r="B53" s="494" t="s">
        <v>418</v>
      </c>
      <c r="C53" s="505"/>
      <c r="D53" s="506"/>
      <c r="E53" s="500" t="s">
        <v>219</v>
      </c>
      <c r="F53" s="501"/>
      <c r="G53" s="494" t="s">
        <v>419</v>
      </c>
      <c r="H53" s="506"/>
      <c r="I53" s="500" t="s">
        <v>219</v>
      </c>
      <c r="J53" s="502"/>
      <c r="K53" s="495" t="s">
        <v>420</v>
      </c>
      <c r="L53" s="506"/>
      <c r="M53" s="500" t="s">
        <v>219</v>
      </c>
      <c r="N53" s="502"/>
    </row>
    <row r="54" spans="1:18" ht="18.75" customHeight="1" x14ac:dyDescent="0.15">
      <c r="B54" s="285"/>
      <c r="C54" s="269" t="s">
        <v>421</v>
      </c>
      <c r="D54" s="286"/>
      <c r="E54" s="285"/>
      <c r="F54" s="285"/>
      <c r="G54" s="287"/>
      <c r="H54" s="286"/>
      <c r="I54" s="285"/>
      <c r="J54" s="285"/>
      <c r="K54" s="287"/>
      <c r="L54" s="286"/>
      <c r="M54" s="285"/>
      <c r="N54" s="285"/>
    </row>
    <row r="55" spans="1:18" ht="15.75" customHeight="1" x14ac:dyDescent="0.15">
      <c r="C55" s="288"/>
      <c r="D55" s="288"/>
      <c r="E55" s="288"/>
      <c r="F55" s="288"/>
      <c r="G55" s="288"/>
      <c r="H55" s="288"/>
      <c r="I55" s="288"/>
      <c r="J55" s="288"/>
      <c r="K55" s="288"/>
      <c r="L55" s="288"/>
      <c r="M55" s="288"/>
      <c r="N55" s="288"/>
    </row>
    <row r="56" spans="1:18" x14ac:dyDescent="0.15">
      <c r="A56" s="257" t="s">
        <v>422</v>
      </c>
      <c r="L56" s="257" t="s">
        <v>379</v>
      </c>
      <c r="M56" s="280"/>
      <c r="Q56" s="263"/>
      <c r="R56" s="263"/>
    </row>
    <row r="57" spans="1:18" ht="37.5" customHeight="1" x14ac:dyDescent="0.15">
      <c r="B57" s="491" t="s">
        <v>423</v>
      </c>
      <c r="C57" s="492"/>
      <c r="D57" s="492"/>
      <c r="E57" s="492"/>
      <c r="F57" s="492"/>
      <c r="G57" s="492"/>
      <c r="H57" s="492"/>
      <c r="I57" s="492"/>
      <c r="J57" s="493"/>
      <c r="K57" s="494" t="s">
        <v>397</v>
      </c>
      <c r="L57" s="495"/>
      <c r="M57" s="495"/>
      <c r="N57" s="496"/>
      <c r="Q57" s="263"/>
      <c r="R57" s="263"/>
    </row>
    <row r="58" spans="1:18" ht="18.75" customHeight="1" x14ac:dyDescent="0.15">
      <c r="B58" s="285"/>
      <c r="C58" s="269" t="s">
        <v>424</v>
      </c>
      <c r="D58" s="286"/>
      <c r="E58" s="285"/>
      <c r="F58" s="285"/>
      <c r="G58" s="287"/>
      <c r="H58" s="286"/>
      <c r="I58" s="285"/>
      <c r="J58" s="285"/>
      <c r="K58" s="267"/>
      <c r="L58" s="289"/>
      <c r="M58" s="290"/>
      <c r="N58" s="290"/>
    </row>
    <row r="59" spans="1:18" ht="18.75" customHeight="1" x14ac:dyDescent="0.15">
      <c r="B59" s="285"/>
      <c r="C59" s="269"/>
      <c r="D59" s="286"/>
      <c r="E59" s="285"/>
      <c r="F59" s="285"/>
      <c r="G59" s="287"/>
      <c r="H59" s="286"/>
      <c r="I59" s="285"/>
      <c r="J59" s="285"/>
      <c r="K59" s="287"/>
      <c r="L59" s="286"/>
      <c r="M59" s="285"/>
      <c r="N59" s="285"/>
    </row>
    <row r="60" spans="1:18" ht="15.75" customHeight="1" x14ac:dyDescent="0.15">
      <c r="C60" s="277"/>
      <c r="D60" s="277"/>
      <c r="E60" s="277"/>
      <c r="F60" s="277"/>
      <c r="G60" s="277"/>
      <c r="H60" s="277"/>
      <c r="I60" s="277"/>
      <c r="J60" s="277"/>
      <c r="K60" s="288"/>
      <c r="L60" s="288"/>
      <c r="M60" s="277"/>
      <c r="N60" s="277"/>
    </row>
    <row r="61" spans="1:18" x14ac:dyDescent="0.15">
      <c r="A61" s="257" t="s">
        <v>425</v>
      </c>
      <c r="L61" s="257" t="s">
        <v>379</v>
      </c>
      <c r="M61" s="280"/>
    </row>
    <row r="62" spans="1:18" ht="5.0999999999999996" customHeight="1" x14ac:dyDescent="0.15">
      <c r="Q62" s="263"/>
    </row>
    <row r="63" spans="1:18" ht="5.0999999999999996" customHeight="1" x14ac:dyDescent="0.15">
      <c r="B63" s="291"/>
      <c r="C63" s="292"/>
      <c r="D63" s="292"/>
      <c r="E63" s="292"/>
      <c r="F63" s="292"/>
      <c r="G63" s="292"/>
      <c r="H63" s="292"/>
      <c r="I63" s="292"/>
      <c r="J63" s="292"/>
      <c r="K63" s="291"/>
      <c r="L63" s="292"/>
      <c r="M63" s="292"/>
      <c r="N63" s="293"/>
      <c r="Q63" s="263"/>
    </row>
    <row r="64" spans="1:18" ht="18" customHeight="1" x14ac:dyDescent="0.15">
      <c r="B64" s="294"/>
      <c r="C64" s="485" t="s">
        <v>426</v>
      </c>
      <c r="D64" s="485"/>
      <c r="E64" s="485"/>
      <c r="F64" s="485"/>
      <c r="G64" s="485"/>
      <c r="H64" s="485"/>
      <c r="I64" s="485"/>
      <c r="J64" s="486"/>
      <c r="K64" s="487" t="s">
        <v>427</v>
      </c>
      <c r="L64" s="488"/>
      <c r="M64" s="488"/>
      <c r="N64" s="489"/>
      <c r="P64" s="263"/>
      <c r="Q64" s="263"/>
    </row>
    <row r="65" spans="1:17" ht="30" customHeight="1" x14ac:dyDescent="0.15">
      <c r="B65" s="294"/>
      <c r="C65" s="485"/>
      <c r="D65" s="485"/>
      <c r="E65" s="485"/>
      <c r="F65" s="485"/>
      <c r="G65" s="485"/>
      <c r="H65" s="485"/>
      <c r="I65" s="485"/>
      <c r="J65" s="486"/>
      <c r="K65" s="490" t="s">
        <v>428</v>
      </c>
      <c r="L65" s="485"/>
      <c r="M65" s="485"/>
      <c r="N65" s="486"/>
    </row>
    <row r="66" spans="1:17" ht="9.75" customHeight="1" x14ac:dyDescent="0.15">
      <c r="B66" s="294"/>
      <c r="C66" s="295"/>
      <c r="D66" s="295"/>
      <c r="E66" s="295"/>
      <c r="F66" s="295"/>
      <c r="G66" s="295"/>
      <c r="H66" s="295"/>
      <c r="I66" s="295"/>
      <c r="J66" s="296"/>
      <c r="K66" s="297"/>
      <c r="L66" s="295"/>
      <c r="M66" s="295"/>
      <c r="N66" s="296"/>
    </row>
    <row r="67" spans="1:17" ht="9.75" customHeight="1" x14ac:dyDescent="0.15">
      <c r="B67" s="298"/>
      <c r="C67" s="299"/>
      <c r="D67" s="299"/>
      <c r="E67" s="299"/>
      <c r="F67" s="299"/>
      <c r="G67" s="299"/>
      <c r="H67" s="299"/>
      <c r="I67" s="299"/>
      <c r="J67" s="300"/>
      <c r="K67" s="301"/>
      <c r="L67" s="299"/>
      <c r="M67" s="299"/>
      <c r="N67" s="300"/>
    </row>
    <row r="68" spans="1:17" ht="18" customHeight="1" x14ac:dyDescent="0.15">
      <c r="B68" s="294"/>
      <c r="C68" s="485" t="s">
        <v>429</v>
      </c>
      <c r="D68" s="485"/>
      <c r="E68" s="485"/>
      <c r="F68" s="485"/>
      <c r="G68" s="485"/>
      <c r="H68" s="485"/>
      <c r="I68" s="485"/>
      <c r="J68" s="486"/>
      <c r="K68" s="487" t="s">
        <v>397</v>
      </c>
      <c r="L68" s="488"/>
      <c r="M68" s="488"/>
      <c r="N68" s="489"/>
    </row>
    <row r="69" spans="1:17" ht="37.5" customHeight="1" x14ac:dyDescent="0.15">
      <c r="B69" s="294"/>
      <c r="C69" s="485"/>
      <c r="D69" s="485"/>
      <c r="E69" s="485"/>
      <c r="F69" s="485"/>
      <c r="G69" s="485"/>
      <c r="H69" s="485"/>
      <c r="I69" s="485"/>
      <c r="J69" s="486"/>
      <c r="K69" s="497" t="s">
        <v>430</v>
      </c>
      <c r="L69" s="498"/>
      <c r="M69" s="498"/>
      <c r="N69" s="499"/>
    </row>
    <row r="70" spans="1:17" ht="9.75" customHeight="1" x14ac:dyDescent="0.15">
      <c r="B70" s="294"/>
      <c r="C70" s="295"/>
      <c r="D70" s="295"/>
      <c r="E70" s="295"/>
      <c r="F70" s="295"/>
      <c r="G70" s="295"/>
      <c r="H70" s="295"/>
      <c r="I70" s="295"/>
      <c r="J70" s="296"/>
      <c r="K70" s="297"/>
      <c r="L70" s="295"/>
      <c r="M70" s="295"/>
      <c r="N70" s="296"/>
    </row>
    <row r="71" spans="1:17" ht="9.75" customHeight="1" x14ac:dyDescent="0.15">
      <c r="B71" s="298"/>
      <c r="C71" s="299"/>
      <c r="D71" s="299"/>
      <c r="E71" s="299"/>
      <c r="F71" s="299"/>
      <c r="G71" s="299"/>
      <c r="H71" s="299"/>
      <c r="I71" s="299"/>
      <c r="J71" s="300"/>
      <c r="K71" s="301"/>
      <c r="L71" s="299"/>
      <c r="M71" s="299"/>
      <c r="N71" s="300"/>
    </row>
    <row r="72" spans="1:17" ht="18" customHeight="1" x14ac:dyDescent="0.15">
      <c r="B72" s="294"/>
      <c r="C72" s="485" t="s">
        <v>431</v>
      </c>
      <c r="D72" s="485"/>
      <c r="E72" s="485"/>
      <c r="F72" s="485"/>
      <c r="G72" s="485"/>
      <c r="H72" s="485"/>
      <c r="I72" s="485"/>
      <c r="J72" s="486"/>
      <c r="K72" s="487" t="s">
        <v>397</v>
      </c>
      <c r="L72" s="488"/>
      <c r="M72" s="488"/>
      <c r="N72" s="489"/>
    </row>
    <row r="73" spans="1:17" ht="30" customHeight="1" x14ac:dyDescent="0.15">
      <c r="B73" s="294"/>
      <c r="C73" s="485"/>
      <c r="D73" s="485"/>
      <c r="E73" s="485"/>
      <c r="F73" s="485"/>
      <c r="G73" s="485"/>
      <c r="H73" s="485"/>
      <c r="I73" s="485"/>
      <c r="J73" s="486"/>
      <c r="K73" s="490" t="s">
        <v>432</v>
      </c>
      <c r="L73" s="485"/>
      <c r="M73" s="485"/>
      <c r="N73" s="486"/>
    </row>
    <row r="74" spans="1:17" ht="2.25" customHeight="1" x14ac:dyDescent="0.15">
      <c r="B74" s="302"/>
      <c r="C74" s="303"/>
      <c r="D74" s="304"/>
      <c r="E74" s="304"/>
      <c r="F74" s="304"/>
      <c r="G74" s="304"/>
      <c r="H74" s="304"/>
      <c r="I74" s="304"/>
      <c r="J74" s="304"/>
      <c r="K74" s="305"/>
      <c r="L74" s="304"/>
      <c r="M74" s="304"/>
      <c r="N74" s="306"/>
    </row>
    <row r="75" spans="1:17" ht="18.75" customHeight="1" x14ac:dyDescent="0.15">
      <c r="B75" s="285"/>
      <c r="C75" s="269"/>
      <c r="D75" s="286"/>
      <c r="E75" s="285"/>
      <c r="F75" s="285"/>
      <c r="G75" s="287"/>
      <c r="H75" s="286"/>
      <c r="I75" s="285"/>
      <c r="J75" s="285"/>
      <c r="K75" s="287"/>
      <c r="L75" s="286"/>
      <c r="M75" s="285"/>
      <c r="N75" s="285"/>
    </row>
    <row r="76" spans="1:17" ht="15.75" customHeight="1" x14ac:dyDescent="0.15">
      <c r="C76" s="287"/>
      <c r="D76" s="288"/>
      <c r="E76" s="288"/>
      <c r="F76" s="288"/>
      <c r="G76" s="288"/>
      <c r="H76" s="288"/>
      <c r="I76" s="288"/>
      <c r="J76" s="288"/>
      <c r="K76" s="288"/>
      <c r="L76" s="288"/>
      <c r="M76" s="288"/>
      <c r="N76" s="288"/>
    </row>
    <row r="77" spans="1:17" x14ac:dyDescent="0.15">
      <c r="A77" s="257" t="s">
        <v>433</v>
      </c>
      <c r="C77" s="263"/>
      <c r="D77" s="263"/>
      <c r="E77" s="263"/>
      <c r="F77" s="263"/>
      <c r="G77" s="263"/>
      <c r="H77" s="263"/>
      <c r="L77" s="257" t="s">
        <v>379</v>
      </c>
    </row>
    <row r="78" spans="1:17" ht="5.0999999999999996" customHeight="1" x14ac:dyDescent="0.15">
      <c r="C78" s="263"/>
      <c r="D78" s="263"/>
      <c r="E78" s="263"/>
    </row>
    <row r="79" spans="1:17" ht="5.0999999999999996" customHeight="1" x14ac:dyDescent="0.15">
      <c r="B79" s="291"/>
      <c r="C79" s="292"/>
      <c r="D79" s="292"/>
      <c r="E79" s="292"/>
      <c r="F79" s="292"/>
      <c r="G79" s="292"/>
      <c r="H79" s="292"/>
      <c r="I79" s="292"/>
      <c r="J79" s="292"/>
      <c r="K79" s="291"/>
      <c r="L79" s="292"/>
      <c r="M79" s="292"/>
      <c r="N79" s="293"/>
      <c r="Q79" s="263"/>
    </row>
    <row r="80" spans="1:17" ht="20.100000000000001" customHeight="1" x14ac:dyDescent="0.15">
      <c r="B80" s="294"/>
      <c r="C80" s="485" t="s">
        <v>434</v>
      </c>
      <c r="D80" s="485"/>
      <c r="E80" s="485"/>
      <c r="F80" s="485"/>
      <c r="G80" s="485"/>
      <c r="H80" s="485"/>
      <c r="I80" s="485"/>
      <c r="J80" s="486"/>
      <c r="K80" s="487" t="s">
        <v>397</v>
      </c>
      <c r="L80" s="488"/>
      <c r="M80" s="488"/>
      <c r="N80" s="489"/>
    </row>
    <row r="81" spans="1:14" ht="44.25" customHeight="1" x14ac:dyDescent="0.15">
      <c r="B81" s="294"/>
      <c r="C81" s="485" t="s">
        <v>435</v>
      </c>
      <c r="D81" s="485"/>
      <c r="E81" s="485"/>
      <c r="F81" s="485"/>
      <c r="G81" s="485"/>
      <c r="H81" s="485"/>
      <c r="I81" s="485"/>
      <c r="J81" s="486"/>
      <c r="K81" s="487" t="s">
        <v>397</v>
      </c>
      <c r="L81" s="488"/>
      <c r="M81" s="488"/>
      <c r="N81" s="489"/>
    </row>
    <row r="82" spans="1:14" ht="4.5" customHeight="1" x14ac:dyDescent="0.15">
      <c r="B82" s="307"/>
      <c r="C82" s="304"/>
      <c r="D82" s="304"/>
      <c r="E82" s="304"/>
      <c r="F82" s="304"/>
      <c r="G82" s="304"/>
      <c r="H82" s="304"/>
      <c r="I82" s="304"/>
      <c r="J82" s="306"/>
      <c r="K82" s="482"/>
      <c r="L82" s="483"/>
      <c r="M82" s="483"/>
      <c r="N82" s="484"/>
    </row>
    <row r="83" spans="1:14" ht="5.0999999999999996" customHeight="1" x14ac:dyDescent="0.15">
      <c r="A83" s="263"/>
      <c r="B83" s="263"/>
      <c r="C83" s="288"/>
      <c r="D83" s="288"/>
      <c r="E83" s="288"/>
      <c r="F83" s="288"/>
      <c r="G83" s="288"/>
      <c r="H83" s="288"/>
      <c r="I83" s="288"/>
      <c r="J83" s="288"/>
      <c r="K83" s="288"/>
      <c r="L83" s="288"/>
      <c r="M83" s="288"/>
      <c r="N83" s="288"/>
    </row>
    <row r="86" spans="1:14" x14ac:dyDescent="0.15">
      <c r="A86" s="257" t="s">
        <v>436</v>
      </c>
      <c r="C86" s="263"/>
      <c r="D86" s="263"/>
      <c r="E86" s="263"/>
      <c r="F86" s="263"/>
      <c r="G86" s="263"/>
      <c r="H86" s="263"/>
      <c r="L86" s="257" t="s">
        <v>379</v>
      </c>
    </row>
    <row r="87" spans="1:14" ht="7.5" customHeight="1" x14ac:dyDescent="0.15">
      <c r="C87" s="263"/>
      <c r="D87" s="263"/>
      <c r="E87" s="263"/>
    </row>
    <row r="88" spans="1:14" ht="7.5" customHeight="1" x14ac:dyDescent="0.15">
      <c r="B88" s="291"/>
      <c r="C88" s="292"/>
      <c r="D88" s="292"/>
      <c r="E88" s="292"/>
      <c r="F88" s="292"/>
      <c r="G88" s="292"/>
      <c r="H88" s="292"/>
      <c r="I88" s="292"/>
      <c r="J88" s="292"/>
      <c r="K88" s="291"/>
      <c r="L88" s="292"/>
      <c r="M88" s="292"/>
      <c r="N88" s="293"/>
    </row>
    <row r="89" spans="1:14" ht="41.25" customHeight="1" x14ac:dyDescent="0.15">
      <c r="B89" s="294"/>
      <c r="C89" s="485" t="s">
        <v>437</v>
      </c>
      <c r="D89" s="485"/>
      <c r="E89" s="485"/>
      <c r="F89" s="485"/>
      <c r="G89" s="485"/>
      <c r="H89" s="485"/>
      <c r="I89" s="485"/>
      <c r="J89" s="486"/>
      <c r="K89" s="487" t="s">
        <v>397</v>
      </c>
      <c r="L89" s="488"/>
      <c r="M89" s="488"/>
      <c r="N89" s="489"/>
    </row>
    <row r="90" spans="1:14" ht="8.25" customHeight="1" x14ac:dyDescent="0.15">
      <c r="B90" s="307"/>
      <c r="C90" s="304"/>
      <c r="D90" s="304"/>
      <c r="E90" s="304"/>
      <c r="F90" s="304"/>
      <c r="G90" s="304"/>
      <c r="H90" s="304"/>
      <c r="I90" s="304"/>
      <c r="J90" s="306"/>
      <c r="K90" s="482"/>
      <c r="L90" s="483"/>
      <c r="M90" s="483"/>
      <c r="N90" s="484"/>
    </row>
    <row r="93" spans="1:14" x14ac:dyDescent="0.15">
      <c r="A93" s="257" t="s">
        <v>438</v>
      </c>
      <c r="C93" s="263"/>
      <c r="D93" s="263"/>
      <c r="E93" s="263"/>
      <c r="F93" s="263"/>
      <c r="G93" s="263"/>
      <c r="H93" s="263"/>
      <c r="L93" s="257" t="s">
        <v>379</v>
      </c>
    </row>
    <row r="94" spans="1:14" ht="7.5" customHeight="1" x14ac:dyDescent="0.15">
      <c r="C94" s="263"/>
      <c r="D94" s="263"/>
      <c r="E94" s="263"/>
    </row>
    <row r="95" spans="1:14" ht="7.5" customHeight="1" x14ac:dyDescent="0.15">
      <c r="B95" s="291"/>
      <c r="C95" s="292"/>
      <c r="D95" s="292"/>
      <c r="E95" s="292"/>
      <c r="F95" s="292"/>
      <c r="G95" s="292"/>
      <c r="H95" s="292"/>
      <c r="I95" s="292"/>
      <c r="J95" s="292"/>
      <c r="K95" s="291"/>
      <c r="L95" s="292"/>
      <c r="M95" s="292"/>
      <c r="N95" s="293"/>
    </row>
    <row r="96" spans="1:14" ht="41.25" customHeight="1" x14ac:dyDescent="0.15">
      <c r="B96" s="294"/>
      <c r="C96" s="485" t="s">
        <v>439</v>
      </c>
      <c r="D96" s="485"/>
      <c r="E96" s="485"/>
      <c r="F96" s="485"/>
      <c r="G96" s="485"/>
      <c r="H96" s="485"/>
      <c r="I96" s="485"/>
      <c r="J96" s="486"/>
      <c r="K96" s="487" t="s">
        <v>397</v>
      </c>
      <c r="L96" s="488"/>
      <c r="M96" s="488"/>
      <c r="N96" s="489"/>
    </row>
    <row r="97" spans="1:14" ht="8.25" customHeight="1" x14ac:dyDescent="0.15">
      <c r="B97" s="307"/>
      <c r="C97" s="304"/>
      <c r="D97" s="304"/>
      <c r="E97" s="304"/>
      <c r="F97" s="304"/>
      <c r="G97" s="304"/>
      <c r="H97" s="304"/>
      <c r="I97" s="304"/>
      <c r="J97" s="306"/>
      <c r="K97" s="482"/>
      <c r="L97" s="483"/>
      <c r="M97" s="483"/>
      <c r="N97" s="484"/>
    </row>
    <row r="99" spans="1:14" ht="9" customHeight="1" x14ac:dyDescent="0.15"/>
    <row r="100" spans="1:14" x14ac:dyDescent="0.15">
      <c r="A100" s="257" t="s">
        <v>440</v>
      </c>
      <c r="C100" s="263"/>
      <c r="D100" s="263"/>
      <c r="E100" s="263"/>
      <c r="F100" s="263"/>
      <c r="G100" s="263"/>
      <c r="H100" s="263"/>
      <c r="L100" s="257" t="s">
        <v>379</v>
      </c>
    </row>
    <row r="101" spans="1:14" ht="7.5" customHeight="1" x14ac:dyDescent="0.15">
      <c r="C101" s="263"/>
      <c r="D101" s="263"/>
      <c r="E101" s="263"/>
    </row>
    <row r="102" spans="1:14" ht="7.5" customHeight="1" x14ac:dyDescent="0.15">
      <c r="B102" s="291"/>
      <c r="C102" s="292"/>
      <c r="D102" s="292"/>
      <c r="E102" s="292"/>
      <c r="F102" s="292"/>
      <c r="G102" s="292"/>
      <c r="H102" s="292"/>
      <c r="I102" s="292"/>
      <c r="J102" s="292"/>
      <c r="K102" s="291"/>
      <c r="L102" s="292"/>
      <c r="M102" s="292"/>
      <c r="N102" s="293"/>
    </row>
    <row r="103" spans="1:14" ht="81" customHeight="1" x14ac:dyDescent="0.15">
      <c r="B103" s="294"/>
      <c r="C103" s="485" t="s">
        <v>441</v>
      </c>
      <c r="D103" s="485"/>
      <c r="E103" s="485"/>
      <c r="F103" s="485"/>
      <c r="G103" s="485"/>
      <c r="H103" s="485"/>
      <c r="I103" s="485"/>
      <c r="J103" s="486"/>
      <c r="K103" s="487" t="s">
        <v>397</v>
      </c>
      <c r="L103" s="488"/>
      <c r="M103" s="488"/>
      <c r="N103" s="489"/>
    </row>
    <row r="104" spans="1:14" ht="8.25" customHeight="1" x14ac:dyDescent="0.15">
      <c r="B104" s="307"/>
      <c r="C104" s="304"/>
      <c r="D104" s="304"/>
      <c r="E104" s="304"/>
      <c r="F104" s="304"/>
      <c r="G104" s="304"/>
      <c r="H104" s="304"/>
      <c r="I104" s="304"/>
      <c r="J104" s="306"/>
      <c r="K104" s="482"/>
      <c r="L104" s="483"/>
      <c r="M104" s="483"/>
      <c r="N104" s="484"/>
    </row>
  </sheetData>
  <mergeCells count="72">
    <mergeCell ref="A2:O2"/>
    <mergeCell ref="B6:C6"/>
    <mergeCell ref="D6:H6"/>
    <mergeCell ref="C7:N7"/>
    <mergeCell ref="B11:E11"/>
    <mergeCell ref="F11:J11"/>
    <mergeCell ref="B12:E12"/>
    <mergeCell ref="F12:J12"/>
    <mergeCell ref="B13:E13"/>
    <mergeCell ref="F13:J13"/>
    <mergeCell ref="B14:E14"/>
    <mergeCell ref="F14:J14"/>
    <mergeCell ref="B31:C31"/>
    <mergeCell ref="D31:N31"/>
    <mergeCell ref="B19:C20"/>
    <mergeCell ref="D19:D20"/>
    <mergeCell ref="E19:E20"/>
    <mergeCell ref="F19:F20"/>
    <mergeCell ref="G19:G20"/>
    <mergeCell ref="K19:K20"/>
    <mergeCell ref="C23:N23"/>
    <mergeCell ref="B28:J30"/>
    <mergeCell ref="K28:N28"/>
    <mergeCell ref="K29:N29"/>
    <mergeCell ref="K30:N30"/>
    <mergeCell ref="C33:N33"/>
    <mergeCell ref="C34:N34"/>
    <mergeCell ref="B39:J40"/>
    <mergeCell ref="K39:N40"/>
    <mergeCell ref="B41:D41"/>
    <mergeCell ref="E41:N41"/>
    <mergeCell ref="C42:N42"/>
    <mergeCell ref="A45:N45"/>
    <mergeCell ref="B48:D48"/>
    <mergeCell ref="E48:F48"/>
    <mergeCell ref="I48:J48"/>
    <mergeCell ref="L48:N48"/>
    <mergeCell ref="B49:D49"/>
    <mergeCell ref="E49:F49"/>
    <mergeCell ref="I49:J49"/>
    <mergeCell ref="L49:N49"/>
    <mergeCell ref="B53:D53"/>
    <mergeCell ref="E53:F53"/>
    <mergeCell ref="G53:H53"/>
    <mergeCell ref="I53:J53"/>
    <mergeCell ref="K53:L53"/>
    <mergeCell ref="M53:N53"/>
    <mergeCell ref="C81:J81"/>
    <mergeCell ref="K81:N81"/>
    <mergeCell ref="B57:J57"/>
    <mergeCell ref="K57:N57"/>
    <mergeCell ref="C64:J65"/>
    <mergeCell ref="K64:N64"/>
    <mergeCell ref="K65:N65"/>
    <mergeCell ref="C68:J69"/>
    <mergeCell ref="K68:N68"/>
    <mergeCell ref="K69:N69"/>
    <mergeCell ref="C72:J73"/>
    <mergeCell ref="K72:N72"/>
    <mergeCell ref="K73:N73"/>
    <mergeCell ref="C80:J80"/>
    <mergeCell ref="K80:N80"/>
    <mergeCell ref="K97:N97"/>
    <mergeCell ref="C103:J103"/>
    <mergeCell ref="K103:N103"/>
    <mergeCell ref="K104:N104"/>
    <mergeCell ref="K82:N82"/>
    <mergeCell ref="C89:J89"/>
    <mergeCell ref="K89:N89"/>
    <mergeCell ref="K90:N90"/>
    <mergeCell ref="C96:J96"/>
    <mergeCell ref="K96:N96"/>
  </mergeCells>
  <phoneticPr fontId="2"/>
  <printOptions horizontalCentered="1"/>
  <pageMargins left="0.15748031496062992" right="0.19685039370078741" top="0.39370078740157483" bottom="0.19685039370078741" header="0.51181102362204722" footer="0.31496062992125984"/>
  <pageSetup paperSize="9" fitToHeight="0" orientation="portrait" r:id="rId1"/>
  <headerFooter alignWithMargins="0"/>
  <rowBreaks count="2" manualBreakCount="2">
    <brk id="43" max="14" man="1"/>
    <brk id="91" max="14"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B1:Y70"/>
  <sheetViews>
    <sheetView view="pageBreakPreview" zoomScaleNormal="140" zoomScaleSheetLayoutView="100" workbookViewId="0">
      <selection activeCell="AK28" sqref="AK28"/>
    </sheetView>
  </sheetViews>
  <sheetFormatPr defaultColWidth="3.5" defaultRowHeight="13.5" x14ac:dyDescent="0.15"/>
  <cols>
    <col min="1" max="1" width="3.5" style="87" customWidth="1"/>
    <col min="2" max="2" width="3.625" style="137" customWidth="1"/>
    <col min="3" max="21" width="3.625" style="87" customWidth="1"/>
    <col min="22" max="22" width="3.75" style="87" customWidth="1"/>
    <col min="23" max="23" width="3.625" style="87" customWidth="1"/>
    <col min="24" max="16384" width="3.5" style="87"/>
  </cols>
  <sheetData>
    <row r="1" spans="2:25" s="215" customFormat="1" x14ac:dyDescent="0.15"/>
    <row r="2" spans="2:25" s="215" customFormat="1" x14ac:dyDescent="0.15">
      <c r="B2" s="215" t="s">
        <v>345</v>
      </c>
    </row>
    <row r="3" spans="2:25" s="215" customFormat="1" x14ac:dyDescent="0.15"/>
    <row r="4" spans="2:25" s="215" customFormat="1" x14ac:dyDescent="0.15">
      <c r="B4" s="340" t="s">
        <v>346</v>
      </c>
      <c r="C4" s="340"/>
      <c r="D4" s="340"/>
      <c r="E4" s="340"/>
      <c r="F4" s="340"/>
      <c r="G4" s="340"/>
      <c r="H4" s="340"/>
      <c r="I4" s="340"/>
      <c r="J4" s="340"/>
      <c r="K4" s="340"/>
      <c r="L4" s="340"/>
      <c r="M4" s="340"/>
      <c r="N4" s="340"/>
      <c r="O4" s="340"/>
      <c r="P4" s="340"/>
      <c r="Q4" s="340"/>
      <c r="R4" s="340"/>
      <c r="S4" s="340"/>
      <c r="T4" s="340"/>
      <c r="U4" s="340"/>
      <c r="V4" s="340"/>
      <c r="W4" s="340"/>
    </row>
    <row r="5" spans="2:25" s="215" customFormat="1" x14ac:dyDescent="0.15"/>
    <row r="6" spans="2:25" s="215" customFormat="1" ht="31.5" customHeight="1" x14ac:dyDescent="0.15">
      <c r="B6" s="478" t="s">
        <v>347</v>
      </c>
      <c r="C6" s="478"/>
      <c r="D6" s="478"/>
      <c r="E6" s="478"/>
      <c r="F6" s="478"/>
      <c r="G6" s="323"/>
      <c r="H6" s="324"/>
      <c r="I6" s="324"/>
      <c r="J6" s="324"/>
      <c r="K6" s="324"/>
      <c r="L6" s="324"/>
      <c r="M6" s="324"/>
      <c r="N6" s="324"/>
      <c r="O6" s="324"/>
      <c r="P6" s="324"/>
      <c r="Q6" s="324"/>
      <c r="R6" s="324"/>
      <c r="S6" s="324"/>
      <c r="T6" s="324"/>
      <c r="U6" s="324"/>
      <c r="V6" s="324"/>
      <c r="W6" s="325"/>
    </row>
    <row r="7" spans="2:25" s="215" customFormat="1" ht="31.5" customHeight="1" x14ac:dyDescent="0.15">
      <c r="B7" s="323" t="s">
        <v>348</v>
      </c>
      <c r="C7" s="324"/>
      <c r="D7" s="324"/>
      <c r="E7" s="324"/>
      <c r="F7" s="325"/>
      <c r="G7" s="220" t="s">
        <v>161</v>
      </c>
      <c r="H7" s="221" t="s">
        <v>349</v>
      </c>
      <c r="I7" s="221"/>
      <c r="J7" s="221"/>
      <c r="K7" s="221"/>
      <c r="L7" s="223" t="s">
        <v>161</v>
      </c>
      <c r="M7" s="221" t="s">
        <v>350</v>
      </c>
      <c r="N7" s="221"/>
      <c r="O7" s="221"/>
      <c r="P7" s="221"/>
      <c r="Q7" s="223" t="s">
        <v>161</v>
      </c>
      <c r="R7" s="221" t="s">
        <v>351</v>
      </c>
      <c r="S7" s="221"/>
      <c r="T7" s="221"/>
      <c r="U7" s="221"/>
      <c r="V7" s="221"/>
      <c r="W7" s="231"/>
    </row>
    <row r="8" spans="2:25" s="215" customFormat="1" x14ac:dyDescent="0.15"/>
    <row r="9" spans="2:25" s="215" customFormat="1" ht="15.75" customHeight="1" x14ac:dyDescent="0.15">
      <c r="B9" s="132"/>
      <c r="C9" s="133"/>
      <c r="D9" s="133"/>
      <c r="E9" s="133"/>
      <c r="F9" s="133"/>
      <c r="G9" s="133"/>
      <c r="H9" s="133"/>
      <c r="I9" s="133"/>
      <c r="J9" s="133"/>
      <c r="K9" s="133"/>
      <c r="L9" s="133"/>
      <c r="M9" s="133"/>
      <c r="N9" s="133"/>
      <c r="O9" s="133"/>
      <c r="P9" s="133"/>
      <c r="Q9" s="133"/>
      <c r="R9" s="133"/>
      <c r="S9" s="133"/>
      <c r="T9" s="133"/>
      <c r="U9" s="133"/>
      <c r="V9" s="133"/>
      <c r="W9" s="134"/>
    </row>
    <row r="10" spans="2:25" s="215" customFormat="1" ht="15.75" customHeight="1" x14ac:dyDescent="0.15">
      <c r="B10" s="145" t="s">
        <v>352</v>
      </c>
      <c r="C10" s="206"/>
      <c r="D10" s="206"/>
      <c r="E10" s="206"/>
      <c r="F10" s="206"/>
      <c r="G10" s="206"/>
      <c r="H10" s="206"/>
      <c r="I10" s="206"/>
      <c r="J10" s="206"/>
      <c r="K10" s="206"/>
      <c r="L10" s="206"/>
      <c r="N10" s="206"/>
      <c r="O10" s="206"/>
      <c r="P10" s="206"/>
      <c r="Q10" s="206"/>
      <c r="R10" s="206"/>
      <c r="S10" s="206"/>
      <c r="T10" s="206"/>
      <c r="U10" s="206"/>
      <c r="V10" s="206"/>
      <c r="W10" s="146"/>
    </row>
    <row r="11" spans="2:25" s="215" customFormat="1" ht="4.5" customHeight="1" x14ac:dyDescent="0.15">
      <c r="B11" s="145"/>
      <c r="C11" s="206"/>
      <c r="D11" s="206"/>
      <c r="E11" s="206"/>
      <c r="F11" s="206"/>
      <c r="G11" s="206"/>
      <c r="H11" s="206"/>
      <c r="I11" s="206"/>
      <c r="J11" s="206"/>
      <c r="K11" s="206"/>
      <c r="L11" s="206"/>
      <c r="N11" s="206"/>
      <c r="O11" s="206"/>
      <c r="P11" s="206"/>
      <c r="Q11" s="206"/>
      <c r="R11" s="206"/>
      <c r="S11" s="206"/>
      <c r="T11" s="206"/>
      <c r="U11" s="206"/>
      <c r="V11" s="206"/>
      <c r="W11" s="146"/>
    </row>
    <row r="12" spans="2:25" s="215" customFormat="1" ht="15.75" customHeight="1" x14ac:dyDescent="0.15">
      <c r="B12" s="145"/>
      <c r="C12" s="206" t="s">
        <v>353</v>
      </c>
      <c r="D12" s="206"/>
      <c r="E12" s="206"/>
      <c r="F12" s="206"/>
      <c r="G12" s="206"/>
      <c r="H12" s="206"/>
      <c r="I12" s="206"/>
      <c r="J12" s="206"/>
      <c r="K12" s="206"/>
      <c r="L12" s="206"/>
      <c r="N12" s="206"/>
      <c r="O12" s="206"/>
      <c r="P12" s="206"/>
      <c r="Q12" s="206"/>
      <c r="R12" s="206"/>
      <c r="S12" s="206"/>
      <c r="T12" s="206"/>
      <c r="U12" s="206"/>
      <c r="V12" s="206"/>
      <c r="W12" s="146"/>
    </row>
    <row r="13" spans="2:25" s="215" customFormat="1" ht="6" customHeight="1" x14ac:dyDescent="0.15">
      <c r="B13" s="145"/>
      <c r="C13" s="206"/>
      <c r="D13" s="206"/>
      <c r="E13" s="206"/>
      <c r="F13" s="206"/>
      <c r="G13" s="206"/>
      <c r="H13" s="206"/>
      <c r="I13" s="206"/>
      <c r="J13" s="206"/>
      <c r="K13" s="206"/>
      <c r="L13" s="124"/>
      <c r="M13" s="206"/>
      <c r="N13" s="206"/>
      <c r="O13" s="124"/>
      <c r="P13" s="206"/>
      <c r="Q13" s="206"/>
      <c r="R13" s="206"/>
      <c r="S13" s="206"/>
      <c r="T13" s="124"/>
      <c r="U13" s="206"/>
      <c r="V13" s="206"/>
      <c r="W13" s="146"/>
    </row>
    <row r="14" spans="2:25" s="215" customFormat="1" ht="20.100000000000001" customHeight="1" x14ac:dyDescent="0.15">
      <c r="B14" s="145"/>
      <c r="C14" s="206"/>
      <c r="D14" s="220" t="s">
        <v>161</v>
      </c>
      <c r="E14" s="221" t="s">
        <v>194</v>
      </c>
      <c r="F14" s="234"/>
      <c r="G14" s="234"/>
      <c r="H14" s="223" t="s">
        <v>161</v>
      </c>
      <c r="I14" s="221" t="s">
        <v>196</v>
      </c>
      <c r="J14" s="235"/>
      <c r="K14" s="206"/>
      <c r="L14" s="206"/>
      <c r="M14" s="206"/>
      <c r="N14" s="206"/>
      <c r="O14" s="206"/>
      <c r="P14" s="206"/>
      <c r="Q14" s="206"/>
      <c r="R14" s="206"/>
      <c r="S14" s="206"/>
      <c r="T14" s="206"/>
      <c r="U14" s="206"/>
      <c r="V14" s="206"/>
      <c r="W14" s="146"/>
    </row>
    <row r="15" spans="2:25" s="215" customFormat="1" ht="6" customHeight="1" x14ac:dyDescent="0.15">
      <c r="B15" s="145"/>
      <c r="C15" s="206"/>
      <c r="D15" s="206"/>
      <c r="E15" s="206"/>
      <c r="F15" s="206"/>
      <c r="G15" s="206"/>
      <c r="H15" s="206"/>
      <c r="I15" s="206"/>
      <c r="J15" s="206"/>
      <c r="K15" s="206"/>
      <c r="L15" s="206"/>
      <c r="M15" s="206"/>
      <c r="N15" s="206"/>
      <c r="O15" s="206"/>
      <c r="P15" s="206"/>
      <c r="Q15" s="206"/>
      <c r="R15" s="206"/>
      <c r="S15" s="206"/>
      <c r="T15" s="206"/>
      <c r="U15" s="206"/>
      <c r="V15" s="206"/>
      <c r="W15" s="146"/>
    </row>
    <row r="16" spans="2:25" s="215" customFormat="1" ht="15.75" customHeight="1" x14ac:dyDescent="0.15">
      <c r="B16" s="145"/>
      <c r="C16" s="236" t="s">
        <v>354</v>
      </c>
      <c r="D16" s="237"/>
      <c r="E16" s="237"/>
      <c r="F16" s="237"/>
      <c r="G16" s="237"/>
      <c r="H16" s="237"/>
      <c r="I16" s="237"/>
      <c r="J16" s="237"/>
      <c r="K16" s="237"/>
      <c r="L16" s="237"/>
      <c r="M16" s="237"/>
      <c r="N16" s="237"/>
      <c r="O16" s="237"/>
      <c r="P16" s="237"/>
      <c r="Q16" s="237"/>
      <c r="R16" s="237"/>
      <c r="S16" s="237"/>
      <c r="T16" s="237"/>
      <c r="U16" s="237"/>
      <c r="V16" s="237"/>
      <c r="W16" s="163"/>
      <c r="X16" s="206"/>
      <c r="Y16" s="206"/>
    </row>
    <row r="17" spans="2:25" s="215" customFormat="1" ht="6" customHeight="1" x14ac:dyDescent="0.15">
      <c r="B17" s="145"/>
      <c r="C17" s="237"/>
      <c r="D17" s="237"/>
      <c r="E17" s="237"/>
      <c r="F17" s="237"/>
      <c r="G17" s="237"/>
      <c r="H17" s="237"/>
      <c r="I17" s="237"/>
      <c r="J17" s="237"/>
      <c r="K17" s="237"/>
      <c r="L17" s="237"/>
      <c r="M17" s="237"/>
      <c r="N17" s="237"/>
      <c r="O17" s="237"/>
      <c r="P17" s="237"/>
      <c r="Q17" s="237"/>
      <c r="R17" s="237"/>
      <c r="S17" s="237"/>
      <c r="T17" s="237"/>
      <c r="U17" s="237"/>
      <c r="V17" s="237"/>
      <c r="W17" s="146"/>
      <c r="X17" s="206"/>
      <c r="Y17" s="206"/>
    </row>
    <row r="18" spans="2:25" s="215" customFormat="1" ht="15.75" customHeight="1" x14ac:dyDescent="0.15">
      <c r="B18" s="145"/>
      <c r="C18" s="238"/>
      <c r="D18" s="548"/>
      <c r="E18" s="549"/>
      <c r="F18" s="549"/>
      <c r="G18" s="549"/>
      <c r="H18" s="549"/>
      <c r="I18" s="549"/>
      <c r="J18" s="549"/>
      <c r="K18" s="549"/>
      <c r="L18" s="549"/>
      <c r="M18" s="549"/>
      <c r="N18" s="549"/>
      <c r="O18" s="549"/>
      <c r="P18" s="549"/>
      <c r="Q18" s="549"/>
      <c r="R18" s="549"/>
      <c r="S18" s="549"/>
      <c r="T18" s="549"/>
      <c r="U18" s="550"/>
      <c r="V18" s="236"/>
      <c r="W18" s="146"/>
      <c r="X18" s="206"/>
      <c r="Y18" s="206"/>
    </row>
    <row r="19" spans="2:25" s="215" customFormat="1" ht="15.75" customHeight="1" x14ac:dyDescent="0.15">
      <c r="B19" s="145"/>
      <c r="C19" s="238"/>
      <c r="D19" s="551"/>
      <c r="E19" s="552"/>
      <c r="F19" s="552"/>
      <c r="G19" s="552"/>
      <c r="H19" s="552"/>
      <c r="I19" s="552"/>
      <c r="J19" s="552"/>
      <c r="K19" s="552"/>
      <c r="L19" s="552"/>
      <c r="M19" s="552"/>
      <c r="N19" s="552"/>
      <c r="O19" s="552"/>
      <c r="P19" s="552"/>
      <c r="Q19" s="552"/>
      <c r="R19" s="552"/>
      <c r="S19" s="552"/>
      <c r="T19" s="552"/>
      <c r="U19" s="553"/>
      <c r="V19" s="236"/>
      <c r="W19" s="146"/>
      <c r="X19" s="206"/>
      <c r="Y19" s="206"/>
    </row>
    <row r="20" spans="2:25" s="215" customFormat="1" ht="15.75" customHeight="1" x14ac:dyDescent="0.15">
      <c r="B20" s="145"/>
      <c r="C20" s="238"/>
      <c r="D20" s="551"/>
      <c r="E20" s="552"/>
      <c r="F20" s="552"/>
      <c r="G20" s="552"/>
      <c r="H20" s="552"/>
      <c r="I20" s="552"/>
      <c r="J20" s="552"/>
      <c r="K20" s="552"/>
      <c r="L20" s="552"/>
      <c r="M20" s="552"/>
      <c r="N20" s="552"/>
      <c r="O20" s="552"/>
      <c r="P20" s="552"/>
      <c r="Q20" s="552"/>
      <c r="R20" s="552"/>
      <c r="S20" s="552"/>
      <c r="T20" s="552"/>
      <c r="U20" s="553"/>
      <c r="V20" s="236"/>
      <c r="W20" s="146"/>
      <c r="X20" s="206"/>
      <c r="Y20" s="206"/>
    </row>
    <row r="21" spans="2:25" s="215" customFormat="1" ht="15.75" customHeight="1" x14ac:dyDescent="0.15">
      <c r="B21" s="145"/>
      <c r="C21" s="238"/>
      <c r="D21" s="551"/>
      <c r="E21" s="552"/>
      <c r="F21" s="552"/>
      <c r="G21" s="552"/>
      <c r="H21" s="552"/>
      <c r="I21" s="552"/>
      <c r="J21" s="552"/>
      <c r="K21" s="552"/>
      <c r="L21" s="552"/>
      <c r="M21" s="552"/>
      <c r="N21" s="552"/>
      <c r="O21" s="552"/>
      <c r="P21" s="552"/>
      <c r="Q21" s="552"/>
      <c r="R21" s="552"/>
      <c r="S21" s="552"/>
      <c r="T21" s="552"/>
      <c r="U21" s="553"/>
      <c r="V21" s="236"/>
      <c r="W21" s="146"/>
      <c r="X21" s="206"/>
      <c r="Y21" s="206"/>
    </row>
    <row r="22" spans="2:25" s="215" customFormat="1" ht="15.75" customHeight="1" x14ac:dyDescent="0.15">
      <c r="B22" s="145"/>
      <c r="C22" s="236"/>
      <c r="D22" s="554"/>
      <c r="E22" s="555"/>
      <c r="F22" s="555"/>
      <c r="G22" s="555"/>
      <c r="H22" s="555"/>
      <c r="I22" s="555"/>
      <c r="J22" s="555"/>
      <c r="K22" s="555"/>
      <c r="L22" s="555"/>
      <c r="M22" s="555"/>
      <c r="N22" s="555"/>
      <c r="O22" s="555"/>
      <c r="P22" s="555"/>
      <c r="Q22" s="555"/>
      <c r="R22" s="555"/>
      <c r="S22" s="555"/>
      <c r="T22" s="555"/>
      <c r="U22" s="556"/>
      <c r="V22" s="237"/>
      <c r="W22" s="146"/>
      <c r="X22" s="206"/>
      <c r="Y22" s="206"/>
    </row>
    <row r="23" spans="2:25" s="215" customFormat="1" ht="6.75" customHeight="1" x14ac:dyDescent="0.15">
      <c r="B23" s="145"/>
      <c r="C23" s="236"/>
      <c r="D23" s="236"/>
      <c r="E23" s="236"/>
      <c r="F23" s="236"/>
      <c r="G23" s="236"/>
      <c r="H23" s="236"/>
      <c r="I23" s="236"/>
      <c r="J23" s="236"/>
      <c r="K23" s="236"/>
      <c r="L23" s="236"/>
      <c r="M23" s="236"/>
      <c r="N23" s="236"/>
      <c r="O23" s="236"/>
      <c r="P23" s="236"/>
      <c r="Q23" s="236"/>
      <c r="R23" s="237"/>
      <c r="S23" s="237"/>
      <c r="T23" s="237"/>
      <c r="U23" s="237"/>
      <c r="V23" s="237"/>
      <c r="W23" s="146"/>
      <c r="X23" s="206"/>
      <c r="Y23" s="206"/>
    </row>
    <row r="24" spans="2:25" s="215" customFormat="1" ht="15.75" customHeight="1" x14ac:dyDescent="0.15">
      <c r="B24" s="145"/>
      <c r="C24" s="236" t="s">
        <v>355</v>
      </c>
      <c r="D24" s="236"/>
      <c r="E24" s="236"/>
      <c r="F24" s="236"/>
      <c r="G24" s="236"/>
      <c r="H24" s="236"/>
      <c r="I24" s="236"/>
      <c r="J24" s="236"/>
      <c r="K24" s="236"/>
      <c r="L24" s="236"/>
      <c r="M24" s="236"/>
      <c r="N24" s="236"/>
      <c r="O24" s="236"/>
      <c r="P24" s="236"/>
      <c r="Q24" s="236"/>
      <c r="R24" s="237"/>
      <c r="S24" s="237"/>
      <c r="T24" s="237"/>
      <c r="U24" s="237"/>
      <c r="V24" s="237"/>
      <c r="W24" s="146"/>
      <c r="X24" s="206"/>
      <c r="Y24" s="206"/>
    </row>
    <row r="25" spans="2:25" s="215" customFormat="1" ht="6" customHeight="1" x14ac:dyDescent="0.15">
      <c r="B25" s="145"/>
      <c r="C25" s="236"/>
      <c r="D25" s="236"/>
      <c r="E25" s="236"/>
      <c r="F25" s="236"/>
      <c r="G25" s="236"/>
      <c r="H25" s="236"/>
      <c r="I25" s="236"/>
      <c r="J25" s="236"/>
      <c r="K25" s="236"/>
      <c r="L25" s="236"/>
      <c r="M25" s="236"/>
      <c r="N25" s="236"/>
      <c r="O25" s="236"/>
      <c r="P25" s="236"/>
      <c r="Q25" s="236"/>
      <c r="R25" s="237"/>
      <c r="S25" s="237"/>
      <c r="T25" s="237"/>
      <c r="U25" s="237"/>
      <c r="V25" s="237"/>
      <c r="W25" s="146"/>
      <c r="X25" s="206"/>
      <c r="Y25" s="206"/>
    </row>
    <row r="26" spans="2:25" s="215" customFormat="1" ht="15.75" customHeight="1" x14ac:dyDescent="0.15">
      <c r="B26" s="145"/>
      <c r="C26" s="238"/>
      <c r="D26" s="548"/>
      <c r="E26" s="549"/>
      <c r="F26" s="549"/>
      <c r="G26" s="549"/>
      <c r="H26" s="549"/>
      <c r="I26" s="549"/>
      <c r="J26" s="549"/>
      <c r="K26" s="549"/>
      <c r="L26" s="549"/>
      <c r="M26" s="549"/>
      <c r="N26" s="549"/>
      <c r="O26" s="549"/>
      <c r="P26" s="549"/>
      <c r="Q26" s="549"/>
      <c r="R26" s="549"/>
      <c r="S26" s="549"/>
      <c r="T26" s="549"/>
      <c r="U26" s="550"/>
      <c r="V26" s="236"/>
      <c r="W26" s="146"/>
      <c r="X26" s="206"/>
      <c r="Y26" s="206"/>
    </row>
    <row r="27" spans="2:25" s="215" customFormat="1" ht="15.75" customHeight="1" x14ac:dyDescent="0.15">
      <c r="B27" s="145"/>
      <c r="C27" s="238"/>
      <c r="D27" s="551"/>
      <c r="E27" s="552"/>
      <c r="F27" s="552"/>
      <c r="G27" s="552"/>
      <c r="H27" s="552"/>
      <c r="I27" s="552"/>
      <c r="J27" s="552"/>
      <c r="K27" s="552"/>
      <c r="L27" s="552"/>
      <c r="M27" s="552"/>
      <c r="N27" s="552"/>
      <c r="O27" s="552"/>
      <c r="P27" s="552"/>
      <c r="Q27" s="552"/>
      <c r="R27" s="552"/>
      <c r="S27" s="552"/>
      <c r="T27" s="552"/>
      <c r="U27" s="553"/>
      <c r="V27" s="236"/>
      <c r="W27" s="146"/>
      <c r="X27" s="206"/>
      <c r="Y27" s="206"/>
    </row>
    <row r="28" spans="2:25" s="215" customFormat="1" ht="15.75" customHeight="1" x14ac:dyDescent="0.15">
      <c r="B28" s="145"/>
      <c r="C28" s="238"/>
      <c r="D28" s="551"/>
      <c r="E28" s="552"/>
      <c r="F28" s="552"/>
      <c r="G28" s="552"/>
      <c r="H28" s="552"/>
      <c r="I28" s="552"/>
      <c r="J28" s="552"/>
      <c r="K28" s="552"/>
      <c r="L28" s="552"/>
      <c r="M28" s="552"/>
      <c r="N28" s="552"/>
      <c r="O28" s="552"/>
      <c r="P28" s="552"/>
      <c r="Q28" s="552"/>
      <c r="R28" s="552"/>
      <c r="S28" s="552"/>
      <c r="T28" s="552"/>
      <c r="U28" s="553"/>
      <c r="V28" s="236"/>
      <c r="W28" s="146"/>
      <c r="X28" s="206"/>
      <c r="Y28" s="206"/>
    </row>
    <row r="29" spans="2:25" s="215" customFormat="1" ht="15.75" customHeight="1" x14ac:dyDescent="0.15">
      <c r="B29" s="145"/>
      <c r="C29" s="238"/>
      <c r="D29" s="551"/>
      <c r="E29" s="552"/>
      <c r="F29" s="552"/>
      <c r="G29" s="552"/>
      <c r="H29" s="552"/>
      <c r="I29" s="552"/>
      <c r="J29" s="552"/>
      <c r="K29" s="552"/>
      <c r="L29" s="552"/>
      <c r="M29" s="552"/>
      <c r="N29" s="552"/>
      <c r="O29" s="552"/>
      <c r="P29" s="552"/>
      <c r="Q29" s="552"/>
      <c r="R29" s="552"/>
      <c r="S29" s="552"/>
      <c r="T29" s="552"/>
      <c r="U29" s="553"/>
      <c r="V29" s="236"/>
      <c r="W29" s="146"/>
      <c r="X29" s="206"/>
      <c r="Y29" s="206"/>
    </row>
    <row r="30" spans="2:25" s="215" customFormat="1" ht="15.75" customHeight="1" x14ac:dyDescent="0.15">
      <c r="B30" s="145"/>
      <c r="C30" s="236"/>
      <c r="D30" s="554"/>
      <c r="E30" s="555"/>
      <c r="F30" s="555"/>
      <c r="G30" s="555"/>
      <c r="H30" s="555"/>
      <c r="I30" s="555"/>
      <c r="J30" s="555"/>
      <c r="K30" s="555"/>
      <c r="L30" s="555"/>
      <c r="M30" s="555"/>
      <c r="N30" s="555"/>
      <c r="O30" s="555"/>
      <c r="P30" s="555"/>
      <c r="Q30" s="555"/>
      <c r="R30" s="555"/>
      <c r="S30" s="555"/>
      <c r="T30" s="555"/>
      <c r="U30" s="556"/>
      <c r="V30" s="237"/>
      <c r="W30" s="146"/>
      <c r="X30" s="206"/>
      <c r="Y30" s="206"/>
    </row>
    <row r="31" spans="2:25" s="215" customFormat="1" ht="15.75" customHeight="1" x14ac:dyDescent="0.15">
      <c r="B31" s="145"/>
      <c r="C31" s="236"/>
      <c r="D31" s="236"/>
      <c r="E31" s="236"/>
      <c r="F31" s="236"/>
      <c r="G31" s="236"/>
      <c r="H31" s="236"/>
      <c r="I31" s="236"/>
      <c r="J31" s="236"/>
      <c r="K31" s="236"/>
      <c r="L31" s="236"/>
      <c r="M31" s="236"/>
      <c r="N31" s="236"/>
      <c r="O31" s="236"/>
      <c r="P31" s="236"/>
      <c r="Q31" s="236"/>
      <c r="R31" s="237"/>
      <c r="S31" s="237"/>
      <c r="T31" s="237"/>
      <c r="U31" s="237"/>
      <c r="V31" s="237"/>
      <c r="W31" s="146"/>
      <c r="X31" s="206"/>
      <c r="Y31" s="206"/>
    </row>
    <row r="32" spans="2:25" s="215" customFormat="1" ht="15.75" customHeight="1" x14ac:dyDescent="0.15">
      <c r="B32" s="145" t="s">
        <v>356</v>
      </c>
      <c r="C32" s="206"/>
      <c r="D32" s="206"/>
      <c r="E32" s="206"/>
      <c r="F32" s="206"/>
      <c r="G32" s="206"/>
      <c r="H32" s="206"/>
      <c r="I32" s="206"/>
      <c r="J32" s="206"/>
      <c r="K32" s="206"/>
      <c r="L32" s="206"/>
      <c r="N32" s="206"/>
      <c r="O32" s="206"/>
      <c r="P32" s="206"/>
      <c r="Q32" s="206"/>
      <c r="R32" s="206"/>
      <c r="S32" s="206"/>
      <c r="T32" s="206"/>
      <c r="U32" s="206"/>
      <c r="V32" s="206"/>
      <c r="W32" s="146"/>
    </row>
    <row r="33" spans="2:25" s="215" customFormat="1" ht="4.5" customHeight="1" x14ac:dyDescent="0.15">
      <c r="B33" s="145"/>
      <c r="C33" s="206"/>
      <c r="D33" s="206"/>
      <c r="E33" s="206"/>
      <c r="F33" s="206"/>
      <c r="G33" s="206"/>
      <c r="H33" s="206"/>
      <c r="I33" s="206"/>
      <c r="J33" s="206"/>
      <c r="K33" s="206"/>
      <c r="L33" s="206"/>
      <c r="N33" s="206"/>
      <c r="O33" s="206"/>
      <c r="P33" s="206"/>
      <c r="Q33" s="206"/>
      <c r="R33" s="206"/>
      <c r="S33" s="206"/>
      <c r="T33" s="206"/>
      <c r="U33" s="206"/>
      <c r="V33" s="206"/>
      <c r="W33" s="146"/>
    </row>
    <row r="34" spans="2:25" s="215" customFormat="1" ht="15.75" customHeight="1" x14ac:dyDescent="0.15">
      <c r="B34" s="145"/>
      <c r="C34" s="206" t="s">
        <v>357</v>
      </c>
      <c r="D34" s="206"/>
      <c r="E34" s="206"/>
      <c r="F34" s="206"/>
      <c r="G34" s="206"/>
      <c r="H34" s="206"/>
      <c r="I34" s="206"/>
      <c r="J34" s="206"/>
      <c r="K34" s="206"/>
      <c r="L34" s="206"/>
      <c r="N34" s="206"/>
      <c r="O34" s="206"/>
      <c r="P34" s="206"/>
      <c r="Q34" s="206"/>
      <c r="R34" s="206"/>
      <c r="S34" s="206"/>
      <c r="T34" s="206"/>
      <c r="U34" s="206"/>
      <c r="V34" s="206"/>
      <c r="W34" s="146"/>
    </row>
    <row r="35" spans="2:25" s="215" customFormat="1" ht="6" customHeight="1" x14ac:dyDescent="0.15">
      <c r="B35" s="145"/>
      <c r="C35" s="206"/>
      <c r="D35" s="206"/>
      <c r="E35" s="206"/>
      <c r="F35" s="206"/>
      <c r="G35" s="206"/>
      <c r="H35" s="206"/>
      <c r="I35" s="206"/>
      <c r="J35" s="206"/>
      <c r="K35" s="206"/>
      <c r="L35" s="124"/>
      <c r="M35" s="206"/>
      <c r="N35" s="206"/>
      <c r="O35" s="124"/>
      <c r="P35" s="206"/>
      <c r="Q35" s="206"/>
      <c r="R35" s="206"/>
      <c r="S35" s="206"/>
      <c r="T35" s="124"/>
      <c r="U35" s="206"/>
      <c r="V35" s="206"/>
      <c r="W35" s="146"/>
    </row>
    <row r="36" spans="2:25" s="215" customFormat="1" ht="20.100000000000001" customHeight="1" x14ac:dyDescent="0.15">
      <c r="B36" s="145"/>
      <c r="C36" s="206"/>
      <c r="D36" s="220" t="s">
        <v>161</v>
      </c>
      <c r="E36" s="221" t="s">
        <v>194</v>
      </c>
      <c r="F36" s="234"/>
      <c r="G36" s="234"/>
      <c r="H36" s="223" t="s">
        <v>161</v>
      </c>
      <c r="I36" s="221" t="s">
        <v>196</v>
      </c>
      <c r="J36" s="235"/>
      <c r="K36" s="206"/>
      <c r="L36" s="206"/>
      <c r="M36" s="206"/>
      <c r="N36" s="206"/>
      <c r="O36" s="206"/>
      <c r="P36" s="206"/>
      <c r="Q36" s="206"/>
      <c r="R36" s="206"/>
      <c r="S36" s="206"/>
      <c r="T36" s="206"/>
      <c r="U36" s="206"/>
      <c r="V36" s="206"/>
      <c r="W36" s="146"/>
    </row>
    <row r="37" spans="2:25" s="215" customFormat="1" ht="6" customHeight="1" x14ac:dyDescent="0.15">
      <c r="B37" s="145"/>
      <c r="C37" s="206"/>
      <c r="D37" s="206"/>
      <c r="E37" s="206"/>
      <c r="F37" s="206"/>
      <c r="G37" s="206"/>
      <c r="H37" s="206"/>
      <c r="I37" s="206"/>
      <c r="J37" s="206"/>
      <c r="K37" s="206"/>
      <c r="L37" s="206"/>
      <c r="M37" s="206"/>
      <c r="N37" s="206"/>
      <c r="O37" s="206"/>
      <c r="P37" s="206"/>
      <c r="Q37" s="206"/>
      <c r="R37" s="206"/>
      <c r="S37" s="206"/>
      <c r="T37" s="206"/>
      <c r="U37" s="206"/>
      <c r="V37" s="206"/>
      <c r="W37" s="146"/>
    </row>
    <row r="38" spans="2:25" s="215" customFormat="1" ht="15.75" customHeight="1" x14ac:dyDescent="0.15">
      <c r="B38" s="145"/>
      <c r="C38" s="236" t="s">
        <v>358</v>
      </c>
      <c r="D38" s="237"/>
      <c r="E38" s="237"/>
      <c r="F38" s="237"/>
      <c r="G38" s="237"/>
      <c r="H38" s="237"/>
      <c r="I38" s="237"/>
      <c r="J38" s="237"/>
      <c r="K38" s="237"/>
      <c r="L38" s="237"/>
      <c r="M38" s="237"/>
      <c r="N38" s="237"/>
      <c r="O38" s="237"/>
      <c r="P38" s="237"/>
      <c r="Q38" s="237"/>
      <c r="R38" s="237"/>
      <c r="S38" s="237"/>
      <c r="T38" s="237"/>
      <c r="U38" s="237"/>
      <c r="V38" s="237"/>
      <c r="W38" s="163"/>
      <c r="X38" s="206"/>
      <c r="Y38" s="206"/>
    </row>
    <row r="39" spans="2:25" s="215" customFormat="1" ht="6" customHeight="1" x14ac:dyDescent="0.15">
      <c r="B39" s="145"/>
      <c r="C39" s="237"/>
      <c r="D39" s="237"/>
      <c r="E39" s="237"/>
      <c r="F39" s="237"/>
      <c r="G39" s="237"/>
      <c r="H39" s="237"/>
      <c r="I39" s="237"/>
      <c r="J39" s="237"/>
      <c r="K39" s="237"/>
      <c r="L39" s="237"/>
      <c r="M39" s="237"/>
      <c r="N39" s="237"/>
      <c r="O39" s="237"/>
      <c r="P39" s="237"/>
      <c r="Q39" s="237"/>
      <c r="R39" s="237"/>
      <c r="S39" s="237"/>
      <c r="T39" s="237"/>
      <c r="U39" s="237"/>
      <c r="V39" s="237"/>
      <c r="W39" s="146"/>
      <c r="X39" s="206"/>
      <c r="Y39" s="206"/>
    </row>
    <row r="40" spans="2:25" s="215" customFormat="1" ht="20.100000000000001" customHeight="1" x14ac:dyDescent="0.15">
      <c r="B40" s="145"/>
      <c r="C40" s="238"/>
      <c r="D40" s="239" t="s">
        <v>359</v>
      </c>
      <c r="E40" s="234"/>
      <c r="F40" s="234"/>
      <c r="G40" s="544"/>
      <c r="H40" s="544"/>
      <c r="I40" s="544"/>
      <c r="J40" s="240" t="s">
        <v>219</v>
      </c>
      <c r="K40" s="238"/>
      <c r="L40" s="238"/>
      <c r="M40" s="238"/>
      <c r="N40" s="236"/>
      <c r="O40" s="236"/>
      <c r="P40" s="236"/>
      <c r="Q40" s="236"/>
      <c r="R40" s="236"/>
      <c r="S40" s="236"/>
      <c r="T40" s="236"/>
      <c r="U40" s="236"/>
      <c r="V40" s="236"/>
      <c r="W40" s="146"/>
      <c r="X40" s="206"/>
      <c r="Y40" s="206"/>
    </row>
    <row r="41" spans="2:25" s="215" customFormat="1" ht="6" customHeight="1" x14ac:dyDescent="0.15">
      <c r="B41" s="145"/>
      <c r="C41" s="206"/>
      <c r="D41" s="206"/>
      <c r="E41" s="206"/>
      <c r="F41" s="206"/>
      <c r="G41" s="206"/>
      <c r="H41" s="206"/>
      <c r="I41" s="206"/>
      <c r="J41" s="206"/>
      <c r="K41" s="206"/>
      <c r="L41" s="206"/>
      <c r="M41" s="206"/>
      <c r="N41" s="206"/>
      <c r="O41" s="206"/>
      <c r="P41" s="206"/>
      <c r="Q41" s="206"/>
      <c r="R41" s="206"/>
      <c r="S41" s="206"/>
      <c r="T41" s="206"/>
      <c r="U41" s="206"/>
      <c r="V41" s="206"/>
      <c r="W41" s="146"/>
    </row>
    <row r="42" spans="2:25" s="215" customFormat="1" ht="15.75" customHeight="1" x14ac:dyDescent="0.15">
      <c r="B42" s="145"/>
      <c r="C42" s="236" t="s">
        <v>360</v>
      </c>
      <c r="D42" s="237"/>
      <c r="E42" s="237"/>
      <c r="F42" s="237"/>
      <c r="G42" s="237"/>
      <c r="H42" s="237"/>
      <c r="I42" s="237"/>
      <c r="J42" s="237"/>
      <c r="K42" s="237"/>
      <c r="L42" s="237"/>
      <c r="M42" s="237"/>
      <c r="N42" s="237"/>
      <c r="O42" s="237"/>
      <c r="P42" s="237"/>
      <c r="Q42" s="237"/>
      <c r="R42" s="237"/>
      <c r="S42" s="237"/>
      <c r="T42" s="237"/>
      <c r="U42" s="237"/>
      <c r="V42" s="237"/>
      <c r="W42" s="163"/>
      <c r="X42" s="206"/>
      <c r="Y42" s="206"/>
    </row>
    <row r="43" spans="2:25" s="215" customFormat="1" ht="6" customHeight="1" x14ac:dyDescent="0.15">
      <c r="B43" s="145"/>
      <c r="C43" s="237"/>
      <c r="D43" s="237"/>
      <c r="E43" s="237"/>
      <c r="F43" s="237"/>
      <c r="G43" s="237"/>
      <c r="H43" s="237"/>
      <c r="I43" s="237"/>
      <c r="J43" s="237"/>
      <c r="K43" s="237"/>
      <c r="L43" s="237"/>
      <c r="M43" s="237"/>
      <c r="N43" s="237"/>
      <c r="O43" s="237"/>
      <c r="P43" s="237"/>
      <c r="Q43" s="237"/>
      <c r="R43" s="237"/>
      <c r="S43" s="237"/>
      <c r="T43" s="237"/>
      <c r="U43" s="237"/>
      <c r="V43" s="237"/>
      <c r="W43" s="146"/>
      <c r="X43" s="206"/>
      <c r="Y43" s="206"/>
    </row>
    <row r="44" spans="2:25" s="215" customFormat="1" ht="20.100000000000001" customHeight="1" x14ac:dyDescent="0.15">
      <c r="B44" s="145"/>
      <c r="C44" s="238"/>
      <c r="D44" s="239" t="s">
        <v>361</v>
      </c>
      <c r="E44" s="223" t="s">
        <v>161</v>
      </c>
      <c r="F44" s="221" t="s">
        <v>232</v>
      </c>
      <c r="G44" s="234"/>
      <c r="H44" s="234"/>
      <c r="I44" s="223" t="s">
        <v>161</v>
      </c>
      <c r="J44" s="221" t="s">
        <v>233</v>
      </c>
      <c r="K44" s="234"/>
      <c r="L44" s="234"/>
      <c r="M44" s="234"/>
      <c r="N44" s="241"/>
      <c r="O44" s="241"/>
      <c r="P44" s="241"/>
      <c r="Q44" s="241"/>
      <c r="R44" s="241"/>
      <c r="S44" s="241"/>
      <c r="T44" s="241"/>
      <c r="U44" s="242"/>
      <c r="V44" s="236"/>
      <c r="W44" s="146"/>
      <c r="X44" s="206"/>
      <c r="Y44" s="206"/>
    </row>
    <row r="45" spans="2:25" s="215" customFormat="1" ht="20.100000000000001" customHeight="1" x14ac:dyDescent="0.15">
      <c r="B45" s="145"/>
      <c r="C45" s="238"/>
      <c r="D45" s="239" t="s">
        <v>362</v>
      </c>
      <c r="E45" s="234"/>
      <c r="F45" s="234"/>
      <c r="G45" s="234"/>
      <c r="H45" s="234"/>
      <c r="I45" s="234"/>
      <c r="J45" s="234"/>
      <c r="K45" s="234"/>
      <c r="L45" s="234"/>
      <c r="M45" s="234"/>
      <c r="N45" s="241"/>
      <c r="O45" s="241"/>
      <c r="P45" s="545"/>
      <c r="Q45" s="544"/>
      <c r="R45" s="544"/>
      <c r="S45" s="546" t="s">
        <v>363</v>
      </c>
      <c r="T45" s="546"/>
      <c r="U45" s="547"/>
      <c r="V45" s="236"/>
      <c r="W45" s="146"/>
      <c r="X45" s="206"/>
      <c r="Y45" s="206"/>
    </row>
    <row r="46" spans="2:25" s="215" customFormat="1" ht="6" customHeight="1" x14ac:dyDescent="0.15">
      <c r="B46" s="145"/>
      <c r="C46" s="237"/>
      <c r="D46" s="237"/>
      <c r="E46" s="237"/>
      <c r="F46" s="237"/>
      <c r="G46" s="237"/>
      <c r="H46" s="237"/>
      <c r="I46" s="237"/>
      <c r="J46" s="237"/>
      <c r="K46" s="237"/>
      <c r="L46" s="237"/>
      <c r="M46" s="237"/>
      <c r="N46" s="237"/>
      <c r="O46" s="237"/>
      <c r="P46" s="237"/>
      <c r="Q46" s="237"/>
      <c r="R46" s="237"/>
      <c r="S46" s="237"/>
      <c r="T46" s="237"/>
      <c r="U46" s="237"/>
      <c r="V46" s="237"/>
      <c r="W46" s="146"/>
      <c r="X46" s="206"/>
      <c r="Y46" s="206"/>
    </row>
    <row r="47" spans="2:25" s="215" customFormat="1" ht="15.75" customHeight="1" x14ac:dyDescent="0.15">
      <c r="B47" s="145"/>
      <c r="C47" s="236" t="s">
        <v>364</v>
      </c>
      <c r="D47" s="236"/>
      <c r="E47" s="236"/>
      <c r="F47" s="236"/>
      <c r="G47" s="236"/>
      <c r="H47" s="236"/>
      <c r="I47" s="236"/>
      <c r="J47" s="236"/>
      <c r="K47" s="236"/>
      <c r="L47" s="236"/>
      <c r="M47" s="236"/>
      <c r="N47" s="236"/>
      <c r="O47" s="236"/>
      <c r="P47" s="236"/>
      <c r="Q47" s="236"/>
      <c r="R47" s="237"/>
      <c r="S47" s="237"/>
      <c r="T47" s="237"/>
      <c r="U47" s="237"/>
      <c r="V47" s="237"/>
      <c r="W47" s="146"/>
      <c r="X47" s="206"/>
      <c r="Y47" s="206"/>
    </row>
    <row r="48" spans="2:25" s="215" customFormat="1" ht="6" customHeight="1" x14ac:dyDescent="0.15">
      <c r="B48" s="145"/>
      <c r="C48" s="236"/>
      <c r="D48" s="236"/>
      <c r="E48" s="236"/>
      <c r="F48" s="236"/>
      <c r="G48" s="236"/>
      <c r="H48" s="236"/>
      <c r="I48" s="236"/>
      <c r="J48" s="236"/>
      <c r="K48" s="236"/>
      <c r="L48" s="236"/>
      <c r="M48" s="236"/>
      <c r="N48" s="236"/>
      <c r="O48" s="236"/>
      <c r="P48" s="236"/>
      <c r="Q48" s="236"/>
      <c r="R48" s="237"/>
      <c r="S48" s="237"/>
      <c r="T48" s="237"/>
      <c r="U48" s="237"/>
      <c r="V48" s="237"/>
      <c r="W48" s="146"/>
      <c r="X48" s="206"/>
      <c r="Y48" s="206"/>
    </row>
    <row r="49" spans="2:25" s="215" customFormat="1" ht="15.75" customHeight="1" x14ac:dyDescent="0.15">
      <c r="B49" s="145"/>
      <c r="C49" s="238"/>
      <c r="D49" s="243"/>
      <c r="E49" s="244"/>
      <c r="F49" s="244"/>
      <c r="G49" s="244"/>
      <c r="H49" s="244"/>
      <c r="I49" s="244"/>
      <c r="J49" s="244"/>
      <c r="K49" s="244"/>
      <c r="L49" s="244"/>
      <c r="M49" s="244"/>
      <c r="N49" s="245"/>
      <c r="O49" s="245"/>
      <c r="P49" s="245"/>
      <c r="Q49" s="245"/>
      <c r="R49" s="245"/>
      <c r="S49" s="245"/>
      <c r="T49" s="245"/>
      <c r="U49" s="246"/>
      <c r="V49" s="236"/>
      <c r="W49" s="146"/>
      <c r="X49" s="206"/>
      <c r="Y49" s="206"/>
    </row>
    <row r="50" spans="2:25" s="215" customFormat="1" ht="15.75" customHeight="1" x14ac:dyDescent="0.15">
      <c r="B50" s="145"/>
      <c r="C50" s="238"/>
      <c r="D50" s="247"/>
      <c r="E50" s="238"/>
      <c r="F50" s="238"/>
      <c r="G50" s="238"/>
      <c r="H50" s="238"/>
      <c r="I50" s="238"/>
      <c r="J50" s="238"/>
      <c r="K50" s="238"/>
      <c r="L50" s="238"/>
      <c r="M50" s="238"/>
      <c r="N50" s="236"/>
      <c r="O50" s="236"/>
      <c r="P50" s="236"/>
      <c r="Q50" s="236"/>
      <c r="R50" s="236"/>
      <c r="S50" s="236"/>
      <c r="T50" s="236"/>
      <c r="U50" s="248"/>
      <c r="V50" s="236"/>
      <c r="W50" s="146"/>
      <c r="X50" s="206"/>
      <c r="Y50" s="206"/>
    </row>
    <row r="51" spans="2:25" s="215" customFormat="1" ht="15.75" customHeight="1" x14ac:dyDescent="0.15">
      <c r="B51" s="145"/>
      <c r="C51" s="238"/>
      <c r="D51" s="247"/>
      <c r="E51" s="238"/>
      <c r="F51" s="238"/>
      <c r="G51" s="238"/>
      <c r="H51" s="238"/>
      <c r="I51" s="238"/>
      <c r="J51" s="238"/>
      <c r="K51" s="238"/>
      <c r="L51" s="238"/>
      <c r="M51" s="238"/>
      <c r="N51" s="236"/>
      <c r="O51" s="236"/>
      <c r="P51" s="236"/>
      <c r="Q51" s="236"/>
      <c r="R51" s="236"/>
      <c r="S51" s="236"/>
      <c r="T51" s="236"/>
      <c r="U51" s="248"/>
      <c r="V51" s="236"/>
      <c r="W51" s="146"/>
      <c r="X51" s="206"/>
      <c r="Y51" s="206"/>
    </row>
    <row r="52" spans="2:25" s="215" customFormat="1" ht="15.75" customHeight="1" x14ac:dyDescent="0.15">
      <c r="B52" s="145"/>
      <c r="C52" s="238"/>
      <c r="D52" s="247"/>
      <c r="E52" s="238"/>
      <c r="F52" s="238"/>
      <c r="G52" s="238"/>
      <c r="H52" s="238"/>
      <c r="I52" s="238"/>
      <c r="J52" s="238"/>
      <c r="K52" s="238"/>
      <c r="L52" s="238"/>
      <c r="M52" s="238"/>
      <c r="N52" s="236"/>
      <c r="O52" s="236"/>
      <c r="P52" s="236"/>
      <c r="Q52" s="236"/>
      <c r="R52" s="236"/>
      <c r="S52" s="236"/>
      <c r="T52" s="236"/>
      <c r="U52" s="248"/>
      <c r="V52" s="236"/>
      <c r="W52" s="146"/>
      <c r="X52" s="206"/>
      <c r="Y52" s="206"/>
    </row>
    <row r="53" spans="2:25" s="215" customFormat="1" ht="15.75" customHeight="1" x14ac:dyDescent="0.15">
      <c r="B53" s="145"/>
      <c r="C53" s="236"/>
      <c r="D53" s="249"/>
      <c r="E53" s="250"/>
      <c r="F53" s="250"/>
      <c r="G53" s="250"/>
      <c r="H53" s="250"/>
      <c r="I53" s="250"/>
      <c r="J53" s="250"/>
      <c r="K53" s="250"/>
      <c r="L53" s="250"/>
      <c r="M53" s="250"/>
      <c r="N53" s="250"/>
      <c r="O53" s="250"/>
      <c r="P53" s="250"/>
      <c r="Q53" s="250"/>
      <c r="R53" s="251"/>
      <c r="S53" s="251"/>
      <c r="T53" s="251"/>
      <c r="U53" s="252"/>
      <c r="V53" s="237"/>
      <c r="W53" s="146"/>
      <c r="X53" s="206"/>
      <c r="Y53" s="206"/>
    </row>
    <row r="54" spans="2:25" s="215" customFormat="1" ht="15.75" customHeight="1" x14ac:dyDescent="0.15">
      <c r="B54" s="135"/>
      <c r="C54" s="250"/>
      <c r="D54" s="250"/>
      <c r="E54" s="250"/>
      <c r="F54" s="250"/>
      <c r="G54" s="250"/>
      <c r="H54" s="250"/>
      <c r="I54" s="250"/>
      <c r="J54" s="250"/>
      <c r="K54" s="250"/>
      <c r="L54" s="250"/>
      <c r="M54" s="250"/>
      <c r="N54" s="250"/>
      <c r="O54" s="250"/>
      <c r="P54" s="250"/>
      <c r="Q54" s="250"/>
      <c r="R54" s="250"/>
      <c r="S54" s="250"/>
      <c r="T54" s="250"/>
      <c r="U54" s="250"/>
      <c r="V54" s="250"/>
      <c r="W54" s="136"/>
      <c r="X54" s="206"/>
    </row>
    <row r="55" spans="2:25" s="215" customFormat="1" x14ac:dyDescent="0.15">
      <c r="B55" s="206"/>
      <c r="C55" s="236"/>
      <c r="D55" s="236"/>
      <c r="E55" s="236"/>
      <c r="F55" s="236"/>
      <c r="G55" s="236"/>
      <c r="H55" s="236"/>
      <c r="I55" s="236"/>
      <c r="J55" s="236"/>
      <c r="K55" s="253"/>
      <c r="L55" s="253"/>
      <c r="M55" s="253"/>
      <c r="N55" s="253"/>
      <c r="O55" s="253"/>
      <c r="P55" s="253"/>
      <c r="Q55" s="253"/>
      <c r="R55" s="253"/>
      <c r="S55" s="253"/>
      <c r="T55" s="253"/>
      <c r="U55" s="253"/>
      <c r="V55" s="253"/>
    </row>
    <row r="56" spans="2:25" s="215" customFormat="1" x14ac:dyDescent="0.15">
      <c r="B56" s="206"/>
      <c r="C56" s="236"/>
      <c r="D56" s="236"/>
      <c r="E56" s="236"/>
      <c r="F56" s="236"/>
      <c r="G56" s="236"/>
      <c r="H56" s="236"/>
      <c r="I56" s="236"/>
      <c r="J56" s="236"/>
      <c r="K56" s="253"/>
      <c r="L56" s="253"/>
      <c r="M56" s="253"/>
      <c r="N56" s="253"/>
      <c r="O56" s="253"/>
      <c r="P56" s="253"/>
      <c r="Q56" s="253"/>
      <c r="R56" s="253"/>
      <c r="S56" s="253"/>
      <c r="T56" s="253"/>
      <c r="U56" s="253"/>
      <c r="V56" s="253"/>
    </row>
    <row r="57" spans="2:25" s="91" customFormat="1" x14ac:dyDescent="0.15">
      <c r="C57" s="254"/>
      <c r="D57" s="254"/>
      <c r="E57" s="254"/>
      <c r="F57" s="254"/>
      <c r="G57" s="254"/>
      <c r="H57" s="254"/>
      <c r="I57" s="254"/>
      <c r="J57" s="254"/>
      <c r="K57" s="254"/>
      <c r="L57" s="254"/>
      <c r="M57" s="254"/>
      <c r="N57" s="254"/>
      <c r="O57" s="254"/>
      <c r="P57" s="254"/>
      <c r="Q57" s="254"/>
      <c r="R57" s="254"/>
      <c r="S57" s="254"/>
      <c r="T57" s="254"/>
      <c r="U57" s="254"/>
      <c r="V57" s="254"/>
    </row>
    <row r="58" spans="2:25" s="91" customFormat="1" x14ac:dyDescent="0.15">
      <c r="C58" s="254"/>
      <c r="D58" s="254"/>
      <c r="E58" s="254"/>
      <c r="F58" s="254"/>
      <c r="G58" s="254"/>
      <c r="H58" s="254"/>
      <c r="I58" s="254"/>
      <c r="J58" s="254"/>
      <c r="K58" s="254"/>
      <c r="L58" s="254"/>
      <c r="M58" s="254"/>
      <c r="N58" s="254"/>
      <c r="O58" s="254"/>
      <c r="P58" s="254"/>
      <c r="Q58" s="254"/>
      <c r="R58" s="254"/>
      <c r="S58" s="254"/>
      <c r="T58" s="254"/>
      <c r="U58" s="254"/>
      <c r="V58" s="254"/>
    </row>
    <row r="59" spans="2:25" s="91" customFormat="1" x14ac:dyDescent="0.15">
      <c r="C59" s="254"/>
      <c r="D59" s="254"/>
      <c r="E59" s="254"/>
      <c r="F59" s="254"/>
      <c r="G59" s="254"/>
      <c r="H59" s="254"/>
      <c r="I59" s="254"/>
      <c r="J59" s="254"/>
      <c r="K59" s="254"/>
      <c r="L59" s="254"/>
      <c r="M59" s="254"/>
      <c r="N59" s="254"/>
      <c r="O59" s="254"/>
      <c r="P59" s="254"/>
      <c r="Q59" s="254"/>
      <c r="R59" s="254"/>
      <c r="S59" s="254"/>
      <c r="T59" s="254"/>
      <c r="U59" s="254"/>
      <c r="V59" s="254"/>
    </row>
    <row r="60" spans="2:25" s="91" customFormat="1" x14ac:dyDescent="0.15">
      <c r="C60" s="254"/>
      <c r="D60" s="254"/>
      <c r="E60" s="254"/>
      <c r="F60" s="254"/>
      <c r="G60" s="254"/>
      <c r="H60" s="254"/>
      <c r="I60" s="254"/>
      <c r="J60" s="254"/>
      <c r="K60" s="254"/>
      <c r="L60" s="254"/>
      <c r="M60" s="254"/>
      <c r="N60" s="254"/>
      <c r="O60" s="254"/>
      <c r="P60" s="254"/>
      <c r="Q60" s="254"/>
      <c r="R60" s="254"/>
      <c r="S60" s="254"/>
      <c r="T60" s="254"/>
      <c r="U60" s="254"/>
      <c r="V60" s="254"/>
    </row>
    <row r="61" spans="2:25" s="91" customFormat="1" x14ac:dyDescent="0.15">
      <c r="C61" s="254"/>
      <c r="D61" s="254"/>
      <c r="E61" s="254"/>
      <c r="F61" s="254"/>
      <c r="G61" s="254"/>
      <c r="H61" s="254"/>
      <c r="I61" s="254"/>
      <c r="J61" s="254"/>
      <c r="K61" s="254"/>
      <c r="L61" s="254"/>
      <c r="M61" s="254"/>
      <c r="N61" s="254"/>
      <c r="O61" s="254"/>
      <c r="P61" s="254"/>
      <c r="Q61" s="254"/>
      <c r="R61" s="254"/>
      <c r="S61" s="254"/>
      <c r="T61" s="254"/>
      <c r="U61" s="254"/>
      <c r="V61" s="254"/>
    </row>
    <row r="62" spans="2:25" s="91" customFormat="1" x14ac:dyDescent="0.15">
      <c r="C62" s="254"/>
      <c r="D62" s="254"/>
      <c r="E62" s="254"/>
      <c r="F62" s="254"/>
      <c r="G62" s="254"/>
      <c r="H62" s="254"/>
      <c r="I62" s="254"/>
      <c r="J62" s="254"/>
      <c r="K62" s="254"/>
      <c r="L62" s="254"/>
      <c r="M62" s="254"/>
      <c r="N62" s="254"/>
      <c r="O62" s="254"/>
      <c r="P62" s="254"/>
      <c r="Q62" s="254"/>
      <c r="R62" s="254"/>
      <c r="S62" s="254"/>
      <c r="T62" s="254"/>
      <c r="U62" s="254"/>
      <c r="V62" s="254"/>
    </row>
    <row r="65" s="91" customFormat="1" x14ac:dyDescent="0.15"/>
    <row r="66" s="91" customFormat="1" x14ac:dyDescent="0.15"/>
    <row r="67" s="91" customFormat="1" x14ac:dyDescent="0.15"/>
    <row r="68" s="91" customFormat="1" x14ac:dyDescent="0.15"/>
    <row r="69" s="91" customFormat="1" x14ac:dyDescent="0.15"/>
    <row r="70" s="91" customFormat="1" x14ac:dyDescent="0.15"/>
  </sheetData>
  <mergeCells count="9">
    <mergeCell ref="G40:I40"/>
    <mergeCell ref="P45:R45"/>
    <mergeCell ref="S45:U45"/>
    <mergeCell ref="B4:W4"/>
    <mergeCell ref="B6:F6"/>
    <mergeCell ref="G6:W6"/>
    <mergeCell ref="B7:F7"/>
    <mergeCell ref="D18:U22"/>
    <mergeCell ref="D26:U30"/>
  </mergeCells>
  <phoneticPr fontId="2"/>
  <dataValidations count="1">
    <dataValidation type="list" allowBlank="1" showInputMessage="1" showErrorMessage="1" sqref="G7 L7 Q7 D14 H14 D36 H36 E44 I44">
      <formula1>"□,■"</formula1>
    </dataValidation>
  </dataValidations>
  <printOptions horizontalCentered="1"/>
  <pageMargins left="0.70866141732283472" right="0.39370078740157483" top="0.51181102362204722" bottom="0.35433070866141736" header="0.31496062992125984" footer="0.31496062992125984"/>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113</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557" t="s">
        <v>84</v>
      </c>
      <c r="AA3" s="558"/>
      <c r="AB3" s="558"/>
      <c r="AC3" s="558"/>
      <c r="AD3" s="559"/>
      <c r="AE3" s="323"/>
      <c r="AF3" s="324"/>
      <c r="AG3" s="324"/>
      <c r="AH3" s="324"/>
      <c r="AI3" s="324"/>
      <c r="AJ3" s="324"/>
      <c r="AK3" s="324"/>
      <c r="AL3" s="325"/>
      <c r="AM3" s="20"/>
      <c r="AN3" s="1"/>
    </row>
    <row r="4" spans="2:40" s="2" customFormat="1" x14ac:dyDescent="0.15">
      <c r="AN4" s="21"/>
    </row>
    <row r="5" spans="2:40" s="2" customFormat="1" x14ac:dyDescent="0.15">
      <c r="B5" s="653" t="s">
        <v>44</v>
      </c>
      <c r="C5" s="653"/>
      <c r="D5" s="653"/>
      <c r="E5" s="653"/>
      <c r="F5" s="653"/>
      <c r="G5" s="653"/>
      <c r="H5" s="653"/>
      <c r="I5" s="653"/>
      <c r="J5" s="653"/>
      <c r="K5" s="653"/>
      <c r="L5" s="653"/>
      <c r="M5" s="653"/>
      <c r="N5" s="653"/>
      <c r="O5" s="653"/>
      <c r="P5" s="653"/>
      <c r="Q5" s="653"/>
      <c r="R5" s="653"/>
      <c r="S5" s="653"/>
      <c r="T5" s="653"/>
      <c r="U5" s="653"/>
      <c r="V5" s="653"/>
      <c r="W5" s="653"/>
      <c r="X5" s="653"/>
      <c r="Y5" s="653"/>
      <c r="Z5" s="653"/>
      <c r="AA5" s="653"/>
      <c r="AB5" s="653"/>
      <c r="AC5" s="653"/>
      <c r="AD5" s="653"/>
      <c r="AE5" s="653"/>
      <c r="AF5" s="653"/>
      <c r="AG5" s="653"/>
      <c r="AH5" s="653"/>
      <c r="AI5" s="653"/>
      <c r="AJ5" s="653"/>
      <c r="AK5" s="653"/>
      <c r="AL5" s="653"/>
    </row>
    <row r="6" spans="2:40" s="2" customFormat="1" ht="13.5" customHeight="1" x14ac:dyDescent="0.15">
      <c r="AC6" s="1"/>
      <c r="AD6" s="45"/>
      <c r="AE6" s="45" t="s">
        <v>31</v>
      </c>
      <c r="AH6" s="2" t="s">
        <v>37</v>
      </c>
      <c r="AJ6" s="2" t="s">
        <v>33</v>
      </c>
      <c r="AL6" s="2" t="s">
        <v>32</v>
      </c>
    </row>
    <row r="7" spans="2:40" s="2" customFormat="1" x14ac:dyDescent="0.15">
      <c r="B7" s="653" t="s">
        <v>85</v>
      </c>
      <c r="C7" s="653"/>
      <c r="D7" s="653"/>
      <c r="E7" s="653"/>
      <c r="F7" s="653"/>
      <c r="G7" s="653"/>
      <c r="H7" s="653"/>
      <c r="I7" s="653"/>
      <c r="J7" s="653"/>
      <c r="K7" s="12"/>
      <c r="L7" s="12"/>
      <c r="M7" s="12"/>
      <c r="N7" s="12"/>
      <c r="O7" s="12"/>
      <c r="P7" s="12"/>
      <c r="Q7" s="12"/>
      <c r="R7" s="12"/>
      <c r="S7" s="12"/>
      <c r="T7" s="12"/>
    </row>
    <row r="8" spans="2:40" s="2" customFormat="1" x14ac:dyDescent="0.15">
      <c r="AC8" s="1" t="s">
        <v>69</v>
      </c>
    </row>
    <row r="9" spans="2:40" s="2" customFormat="1" x14ac:dyDescent="0.15">
      <c r="C9" s="1" t="s">
        <v>45</v>
      </c>
      <c r="D9" s="1"/>
    </row>
    <row r="10" spans="2:40" s="2" customFormat="1" ht="6.75" customHeight="1" x14ac:dyDescent="0.15">
      <c r="C10" s="1"/>
      <c r="D10" s="1"/>
    </row>
    <row r="11" spans="2:40" s="2" customFormat="1" ht="14.25" customHeight="1" x14ac:dyDescent="0.15">
      <c r="B11" s="564" t="s">
        <v>86</v>
      </c>
      <c r="C11" s="639" t="s">
        <v>7</v>
      </c>
      <c r="D11" s="640"/>
      <c r="E11" s="640"/>
      <c r="F11" s="640"/>
      <c r="G11" s="640"/>
      <c r="H11" s="640"/>
      <c r="I11" s="640"/>
      <c r="J11" s="640"/>
      <c r="K11" s="654"/>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565"/>
      <c r="C12" s="642" t="s">
        <v>87</v>
      </c>
      <c r="D12" s="643"/>
      <c r="E12" s="643"/>
      <c r="F12" s="643"/>
      <c r="G12" s="643"/>
      <c r="H12" s="643"/>
      <c r="I12" s="643"/>
      <c r="J12" s="643"/>
      <c r="K12" s="643"/>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565"/>
      <c r="C13" s="639" t="s">
        <v>8</v>
      </c>
      <c r="D13" s="640"/>
      <c r="E13" s="640"/>
      <c r="F13" s="640"/>
      <c r="G13" s="640"/>
      <c r="H13" s="640"/>
      <c r="I13" s="640"/>
      <c r="J13" s="640"/>
      <c r="K13" s="641"/>
      <c r="L13" s="622" t="s">
        <v>88</v>
      </c>
      <c r="M13" s="623"/>
      <c r="N13" s="623"/>
      <c r="O13" s="623"/>
      <c r="P13" s="623"/>
      <c r="Q13" s="623"/>
      <c r="R13" s="623"/>
      <c r="S13" s="623"/>
      <c r="T13" s="623"/>
      <c r="U13" s="623"/>
      <c r="V13" s="623"/>
      <c r="W13" s="623"/>
      <c r="X13" s="623"/>
      <c r="Y13" s="623"/>
      <c r="Z13" s="623"/>
      <c r="AA13" s="623"/>
      <c r="AB13" s="623"/>
      <c r="AC13" s="623"/>
      <c r="AD13" s="623"/>
      <c r="AE13" s="623"/>
      <c r="AF13" s="623"/>
      <c r="AG13" s="623"/>
      <c r="AH13" s="623"/>
      <c r="AI13" s="623"/>
      <c r="AJ13" s="623"/>
      <c r="AK13" s="623"/>
      <c r="AL13" s="624"/>
    </row>
    <row r="14" spans="2:40" s="2" customFormat="1" x14ac:dyDescent="0.15">
      <c r="B14" s="565"/>
      <c r="C14" s="642"/>
      <c r="D14" s="643"/>
      <c r="E14" s="643"/>
      <c r="F14" s="643"/>
      <c r="G14" s="643"/>
      <c r="H14" s="643"/>
      <c r="I14" s="643"/>
      <c r="J14" s="643"/>
      <c r="K14" s="644"/>
      <c r="L14" s="625" t="s">
        <v>89</v>
      </c>
      <c r="M14" s="626"/>
      <c r="N14" s="626"/>
      <c r="O14" s="626"/>
      <c r="P14" s="626"/>
      <c r="Q14" s="626"/>
      <c r="R14" s="626"/>
      <c r="S14" s="626"/>
      <c r="T14" s="626"/>
      <c r="U14" s="626"/>
      <c r="V14" s="626"/>
      <c r="W14" s="626"/>
      <c r="X14" s="626"/>
      <c r="Y14" s="626"/>
      <c r="Z14" s="626"/>
      <c r="AA14" s="626"/>
      <c r="AB14" s="626"/>
      <c r="AC14" s="626"/>
      <c r="AD14" s="626"/>
      <c r="AE14" s="626"/>
      <c r="AF14" s="626"/>
      <c r="AG14" s="626"/>
      <c r="AH14" s="626"/>
      <c r="AI14" s="626"/>
      <c r="AJ14" s="626"/>
      <c r="AK14" s="626"/>
      <c r="AL14" s="627"/>
    </row>
    <row r="15" spans="2:40" s="2" customFormat="1" x14ac:dyDescent="0.15">
      <c r="B15" s="565"/>
      <c r="C15" s="645"/>
      <c r="D15" s="646"/>
      <c r="E15" s="646"/>
      <c r="F15" s="646"/>
      <c r="G15" s="646"/>
      <c r="H15" s="646"/>
      <c r="I15" s="646"/>
      <c r="J15" s="646"/>
      <c r="K15" s="647"/>
      <c r="L15" s="655" t="s">
        <v>90</v>
      </c>
      <c r="M15" s="630"/>
      <c r="N15" s="630"/>
      <c r="O15" s="630"/>
      <c r="P15" s="630"/>
      <c r="Q15" s="630"/>
      <c r="R15" s="630"/>
      <c r="S15" s="630"/>
      <c r="T15" s="630"/>
      <c r="U15" s="630"/>
      <c r="V15" s="630"/>
      <c r="W15" s="630"/>
      <c r="X15" s="630"/>
      <c r="Y15" s="630"/>
      <c r="Z15" s="630"/>
      <c r="AA15" s="630"/>
      <c r="AB15" s="630"/>
      <c r="AC15" s="630"/>
      <c r="AD15" s="630"/>
      <c r="AE15" s="630"/>
      <c r="AF15" s="630"/>
      <c r="AG15" s="630"/>
      <c r="AH15" s="630"/>
      <c r="AI15" s="630"/>
      <c r="AJ15" s="630"/>
      <c r="AK15" s="630"/>
      <c r="AL15" s="631"/>
    </row>
    <row r="16" spans="2:40" s="2" customFormat="1" ht="14.25" customHeight="1" x14ac:dyDescent="0.15">
      <c r="B16" s="565"/>
      <c r="C16" s="656" t="s">
        <v>91</v>
      </c>
      <c r="D16" s="657"/>
      <c r="E16" s="657"/>
      <c r="F16" s="657"/>
      <c r="G16" s="657"/>
      <c r="H16" s="657"/>
      <c r="I16" s="657"/>
      <c r="J16" s="657"/>
      <c r="K16" s="658"/>
      <c r="L16" s="557" t="s">
        <v>9</v>
      </c>
      <c r="M16" s="558"/>
      <c r="N16" s="558"/>
      <c r="O16" s="558"/>
      <c r="P16" s="559"/>
      <c r="Q16" s="24"/>
      <c r="R16" s="25"/>
      <c r="S16" s="25"/>
      <c r="T16" s="25"/>
      <c r="U16" s="25"/>
      <c r="V16" s="25"/>
      <c r="W16" s="25"/>
      <c r="X16" s="25"/>
      <c r="Y16" s="26"/>
      <c r="Z16" s="633" t="s">
        <v>10</v>
      </c>
      <c r="AA16" s="634"/>
      <c r="AB16" s="634"/>
      <c r="AC16" s="634"/>
      <c r="AD16" s="635"/>
      <c r="AE16" s="28"/>
      <c r="AF16" s="32"/>
      <c r="AG16" s="22"/>
      <c r="AH16" s="22"/>
      <c r="AI16" s="22"/>
      <c r="AJ16" s="623"/>
      <c r="AK16" s="623"/>
      <c r="AL16" s="624"/>
    </row>
    <row r="17" spans="2:40" ht="14.25" customHeight="1" x14ac:dyDescent="0.15">
      <c r="B17" s="565"/>
      <c r="C17" s="649" t="s">
        <v>56</v>
      </c>
      <c r="D17" s="650"/>
      <c r="E17" s="650"/>
      <c r="F17" s="650"/>
      <c r="G17" s="650"/>
      <c r="H17" s="650"/>
      <c r="I17" s="650"/>
      <c r="J17" s="650"/>
      <c r="K17" s="651"/>
      <c r="L17" s="27"/>
      <c r="M17" s="27"/>
      <c r="N17" s="27"/>
      <c r="O17" s="27"/>
      <c r="P17" s="27"/>
      <c r="Q17" s="27"/>
      <c r="R17" s="27"/>
      <c r="S17" s="27"/>
      <c r="U17" s="557" t="s">
        <v>11</v>
      </c>
      <c r="V17" s="558"/>
      <c r="W17" s="558"/>
      <c r="X17" s="558"/>
      <c r="Y17" s="559"/>
      <c r="Z17" s="18"/>
      <c r="AA17" s="19"/>
      <c r="AB17" s="19"/>
      <c r="AC17" s="19"/>
      <c r="AD17" s="19"/>
      <c r="AE17" s="652"/>
      <c r="AF17" s="652"/>
      <c r="AG17" s="652"/>
      <c r="AH17" s="652"/>
      <c r="AI17" s="652"/>
      <c r="AJ17" s="652"/>
      <c r="AK17" s="652"/>
      <c r="AL17" s="17"/>
      <c r="AN17" s="3"/>
    </row>
    <row r="18" spans="2:40" ht="14.25" customHeight="1" x14ac:dyDescent="0.15">
      <c r="B18" s="565"/>
      <c r="C18" s="560" t="s">
        <v>12</v>
      </c>
      <c r="D18" s="560"/>
      <c r="E18" s="560"/>
      <c r="F18" s="560"/>
      <c r="G18" s="560"/>
      <c r="H18" s="659"/>
      <c r="I18" s="659"/>
      <c r="J18" s="659"/>
      <c r="K18" s="660"/>
      <c r="L18" s="557" t="s">
        <v>13</v>
      </c>
      <c r="M18" s="558"/>
      <c r="N18" s="558"/>
      <c r="O18" s="558"/>
      <c r="P18" s="559"/>
      <c r="Q18" s="29"/>
      <c r="R18" s="30"/>
      <c r="S18" s="30"/>
      <c r="T18" s="30"/>
      <c r="U18" s="30"/>
      <c r="V18" s="30"/>
      <c r="W18" s="30"/>
      <c r="X18" s="30"/>
      <c r="Y18" s="31"/>
      <c r="Z18" s="568" t="s">
        <v>14</v>
      </c>
      <c r="AA18" s="568"/>
      <c r="AB18" s="568"/>
      <c r="AC18" s="568"/>
      <c r="AD18" s="569"/>
      <c r="AE18" s="15"/>
      <c r="AF18" s="16"/>
      <c r="AG18" s="16"/>
      <c r="AH18" s="16"/>
      <c r="AI18" s="16"/>
      <c r="AJ18" s="16"/>
      <c r="AK18" s="16"/>
      <c r="AL18" s="17"/>
      <c r="AN18" s="3"/>
    </row>
    <row r="19" spans="2:40" ht="13.5" customHeight="1" x14ac:dyDescent="0.15">
      <c r="B19" s="565"/>
      <c r="C19" s="620" t="s">
        <v>15</v>
      </c>
      <c r="D19" s="620"/>
      <c r="E19" s="620"/>
      <c r="F19" s="620"/>
      <c r="G19" s="620"/>
      <c r="H19" s="636"/>
      <c r="I19" s="636"/>
      <c r="J19" s="636"/>
      <c r="K19" s="636"/>
      <c r="L19" s="622" t="s">
        <v>88</v>
      </c>
      <c r="M19" s="623"/>
      <c r="N19" s="623"/>
      <c r="O19" s="623"/>
      <c r="P19" s="623"/>
      <c r="Q19" s="623"/>
      <c r="R19" s="623"/>
      <c r="S19" s="623"/>
      <c r="T19" s="623"/>
      <c r="U19" s="623"/>
      <c r="V19" s="623"/>
      <c r="W19" s="623"/>
      <c r="X19" s="623"/>
      <c r="Y19" s="623"/>
      <c r="Z19" s="623"/>
      <c r="AA19" s="623"/>
      <c r="AB19" s="623"/>
      <c r="AC19" s="623"/>
      <c r="AD19" s="623"/>
      <c r="AE19" s="623"/>
      <c r="AF19" s="623"/>
      <c r="AG19" s="623"/>
      <c r="AH19" s="623"/>
      <c r="AI19" s="623"/>
      <c r="AJ19" s="623"/>
      <c r="AK19" s="623"/>
      <c r="AL19" s="624"/>
      <c r="AN19" s="3"/>
    </row>
    <row r="20" spans="2:40" ht="14.25" customHeight="1" x14ac:dyDescent="0.15">
      <c r="B20" s="565"/>
      <c r="C20" s="620"/>
      <c r="D20" s="620"/>
      <c r="E20" s="620"/>
      <c r="F20" s="620"/>
      <c r="G20" s="620"/>
      <c r="H20" s="636"/>
      <c r="I20" s="636"/>
      <c r="J20" s="636"/>
      <c r="K20" s="636"/>
      <c r="L20" s="625" t="s">
        <v>89</v>
      </c>
      <c r="M20" s="626"/>
      <c r="N20" s="626"/>
      <c r="O20" s="626"/>
      <c r="P20" s="626"/>
      <c r="Q20" s="626"/>
      <c r="R20" s="626"/>
      <c r="S20" s="626"/>
      <c r="T20" s="626"/>
      <c r="U20" s="626"/>
      <c r="V20" s="626"/>
      <c r="W20" s="626"/>
      <c r="X20" s="626"/>
      <c r="Y20" s="626"/>
      <c r="Z20" s="626"/>
      <c r="AA20" s="626"/>
      <c r="AB20" s="626"/>
      <c r="AC20" s="626"/>
      <c r="AD20" s="626"/>
      <c r="AE20" s="626"/>
      <c r="AF20" s="626"/>
      <c r="AG20" s="626"/>
      <c r="AH20" s="626"/>
      <c r="AI20" s="626"/>
      <c r="AJ20" s="626"/>
      <c r="AK20" s="626"/>
      <c r="AL20" s="627"/>
      <c r="AN20" s="3"/>
    </row>
    <row r="21" spans="2:40" x14ac:dyDescent="0.15">
      <c r="B21" s="566"/>
      <c r="C21" s="637"/>
      <c r="D21" s="637"/>
      <c r="E21" s="637"/>
      <c r="F21" s="637"/>
      <c r="G21" s="637"/>
      <c r="H21" s="638"/>
      <c r="I21" s="638"/>
      <c r="J21" s="638"/>
      <c r="K21" s="638"/>
      <c r="L21" s="628"/>
      <c r="M21" s="629"/>
      <c r="N21" s="629"/>
      <c r="O21" s="629"/>
      <c r="P21" s="629"/>
      <c r="Q21" s="629"/>
      <c r="R21" s="629"/>
      <c r="S21" s="629"/>
      <c r="T21" s="629"/>
      <c r="U21" s="629"/>
      <c r="V21" s="629"/>
      <c r="W21" s="629"/>
      <c r="X21" s="629"/>
      <c r="Y21" s="629"/>
      <c r="Z21" s="629"/>
      <c r="AA21" s="629"/>
      <c r="AB21" s="629"/>
      <c r="AC21" s="629"/>
      <c r="AD21" s="629"/>
      <c r="AE21" s="629"/>
      <c r="AF21" s="629"/>
      <c r="AG21" s="629"/>
      <c r="AH21" s="629"/>
      <c r="AI21" s="629"/>
      <c r="AJ21" s="629"/>
      <c r="AK21" s="629"/>
      <c r="AL21" s="632"/>
      <c r="AN21" s="3"/>
    </row>
    <row r="22" spans="2:40" ht="13.5" customHeight="1" x14ac:dyDescent="0.15">
      <c r="B22" s="584" t="s">
        <v>92</v>
      </c>
      <c r="C22" s="639" t="s">
        <v>110</v>
      </c>
      <c r="D22" s="640"/>
      <c r="E22" s="640"/>
      <c r="F22" s="640"/>
      <c r="G22" s="640"/>
      <c r="H22" s="640"/>
      <c r="I22" s="640"/>
      <c r="J22" s="640"/>
      <c r="K22" s="641"/>
      <c r="L22" s="622" t="s">
        <v>88</v>
      </c>
      <c r="M22" s="623"/>
      <c r="N22" s="623"/>
      <c r="O22" s="623"/>
      <c r="P22" s="623"/>
      <c r="Q22" s="623"/>
      <c r="R22" s="623"/>
      <c r="S22" s="623"/>
      <c r="T22" s="623"/>
      <c r="U22" s="623"/>
      <c r="V22" s="623"/>
      <c r="W22" s="623"/>
      <c r="X22" s="623"/>
      <c r="Y22" s="623"/>
      <c r="Z22" s="623"/>
      <c r="AA22" s="623"/>
      <c r="AB22" s="623"/>
      <c r="AC22" s="623"/>
      <c r="AD22" s="623"/>
      <c r="AE22" s="623"/>
      <c r="AF22" s="623"/>
      <c r="AG22" s="623"/>
      <c r="AH22" s="623"/>
      <c r="AI22" s="623"/>
      <c r="AJ22" s="623"/>
      <c r="AK22" s="623"/>
      <c r="AL22" s="624"/>
      <c r="AN22" s="3"/>
    </row>
    <row r="23" spans="2:40" ht="14.25" customHeight="1" x14ac:dyDescent="0.15">
      <c r="B23" s="585"/>
      <c r="C23" s="642"/>
      <c r="D23" s="643"/>
      <c r="E23" s="643"/>
      <c r="F23" s="643"/>
      <c r="G23" s="643"/>
      <c r="H23" s="643"/>
      <c r="I23" s="643"/>
      <c r="J23" s="643"/>
      <c r="K23" s="644"/>
      <c r="L23" s="625" t="s">
        <v>89</v>
      </c>
      <c r="M23" s="626"/>
      <c r="N23" s="626"/>
      <c r="O23" s="626"/>
      <c r="P23" s="626"/>
      <c r="Q23" s="626"/>
      <c r="R23" s="626"/>
      <c r="S23" s="626"/>
      <c r="T23" s="626"/>
      <c r="U23" s="626"/>
      <c r="V23" s="626"/>
      <c r="W23" s="626"/>
      <c r="X23" s="626"/>
      <c r="Y23" s="626"/>
      <c r="Z23" s="626"/>
      <c r="AA23" s="626"/>
      <c r="AB23" s="626"/>
      <c r="AC23" s="626"/>
      <c r="AD23" s="626"/>
      <c r="AE23" s="626"/>
      <c r="AF23" s="626"/>
      <c r="AG23" s="626"/>
      <c r="AH23" s="626"/>
      <c r="AI23" s="626"/>
      <c r="AJ23" s="626"/>
      <c r="AK23" s="626"/>
      <c r="AL23" s="627"/>
      <c r="AN23" s="3"/>
    </row>
    <row r="24" spans="2:40" x14ac:dyDescent="0.15">
      <c r="B24" s="585"/>
      <c r="C24" s="645"/>
      <c r="D24" s="646"/>
      <c r="E24" s="646"/>
      <c r="F24" s="646"/>
      <c r="G24" s="646"/>
      <c r="H24" s="646"/>
      <c r="I24" s="646"/>
      <c r="J24" s="646"/>
      <c r="K24" s="647"/>
      <c r="L24" s="628"/>
      <c r="M24" s="629"/>
      <c r="N24" s="629"/>
      <c r="O24" s="629"/>
      <c r="P24" s="629"/>
      <c r="Q24" s="629"/>
      <c r="R24" s="629"/>
      <c r="S24" s="629"/>
      <c r="T24" s="629"/>
      <c r="U24" s="629"/>
      <c r="V24" s="629"/>
      <c r="W24" s="629"/>
      <c r="X24" s="629"/>
      <c r="Y24" s="629"/>
      <c r="Z24" s="629"/>
      <c r="AA24" s="629"/>
      <c r="AB24" s="629"/>
      <c r="AC24" s="629"/>
      <c r="AD24" s="629"/>
      <c r="AE24" s="629"/>
      <c r="AF24" s="629"/>
      <c r="AG24" s="629"/>
      <c r="AH24" s="629"/>
      <c r="AI24" s="629"/>
      <c r="AJ24" s="629"/>
      <c r="AK24" s="629"/>
      <c r="AL24" s="632"/>
      <c r="AN24" s="3"/>
    </row>
    <row r="25" spans="2:40" ht="14.25" customHeight="1" x14ac:dyDescent="0.15">
      <c r="B25" s="585"/>
      <c r="C25" s="620" t="s">
        <v>91</v>
      </c>
      <c r="D25" s="620"/>
      <c r="E25" s="620"/>
      <c r="F25" s="620"/>
      <c r="G25" s="620"/>
      <c r="H25" s="620"/>
      <c r="I25" s="620"/>
      <c r="J25" s="620"/>
      <c r="K25" s="620"/>
      <c r="L25" s="557" t="s">
        <v>9</v>
      </c>
      <c r="M25" s="558"/>
      <c r="N25" s="558"/>
      <c r="O25" s="558"/>
      <c r="P25" s="559"/>
      <c r="Q25" s="24"/>
      <c r="R25" s="25"/>
      <c r="S25" s="25"/>
      <c r="T25" s="25"/>
      <c r="U25" s="25"/>
      <c r="V25" s="25"/>
      <c r="W25" s="25"/>
      <c r="X25" s="25"/>
      <c r="Y25" s="26"/>
      <c r="Z25" s="633" t="s">
        <v>10</v>
      </c>
      <c r="AA25" s="634"/>
      <c r="AB25" s="634"/>
      <c r="AC25" s="634"/>
      <c r="AD25" s="635"/>
      <c r="AE25" s="28"/>
      <c r="AF25" s="32"/>
      <c r="AG25" s="22"/>
      <c r="AH25" s="22"/>
      <c r="AI25" s="22"/>
      <c r="AJ25" s="623"/>
      <c r="AK25" s="623"/>
      <c r="AL25" s="624"/>
      <c r="AN25" s="3"/>
    </row>
    <row r="26" spans="2:40" ht="13.5" customHeight="1" x14ac:dyDescent="0.15">
      <c r="B26" s="585"/>
      <c r="C26" s="648" t="s">
        <v>16</v>
      </c>
      <c r="D26" s="648"/>
      <c r="E26" s="648"/>
      <c r="F26" s="648"/>
      <c r="G26" s="648"/>
      <c r="H26" s="648"/>
      <c r="I26" s="648"/>
      <c r="J26" s="648"/>
      <c r="K26" s="648"/>
      <c r="L26" s="622" t="s">
        <v>88</v>
      </c>
      <c r="M26" s="623"/>
      <c r="N26" s="623"/>
      <c r="O26" s="623"/>
      <c r="P26" s="623"/>
      <c r="Q26" s="623"/>
      <c r="R26" s="623"/>
      <c r="S26" s="623"/>
      <c r="T26" s="623"/>
      <c r="U26" s="623"/>
      <c r="V26" s="623"/>
      <c r="W26" s="623"/>
      <c r="X26" s="623"/>
      <c r="Y26" s="623"/>
      <c r="Z26" s="623"/>
      <c r="AA26" s="623"/>
      <c r="AB26" s="623"/>
      <c r="AC26" s="623"/>
      <c r="AD26" s="623"/>
      <c r="AE26" s="623"/>
      <c r="AF26" s="623"/>
      <c r="AG26" s="623"/>
      <c r="AH26" s="623"/>
      <c r="AI26" s="623"/>
      <c r="AJ26" s="623"/>
      <c r="AK26" s="623"/>
      <c r="AL26" s="624"/>
      <c r="AN26" s="3"/>
    </row>
    <row r="27" spans="2:40" ht="14.25" customHeight="1" x14ac:dyDescent="0.15">
      <c r="B27" s="585"/>
      <c r="C27" s="648"/>
      <c r="D27" s="648"/>
      <c r="E27" s="648"/>
      <c r="F27" s="648"/>
      <c r="G27" s="648"/>
      <c r="H27" s="648"/>
      <c r="I27" s="648"/>
      <c r="J27" s="648"/>
      <c r="K27" s="648"/>
      <c r="L27" s="625" t="s">
        <v>89</v>
      </c>
      <c r="M27" s="626"/>
      <c r="N27" s="626"/>
      <c r="O27" s="626"/>
      <c r="P27" s="626"/>
      <c r="Q27" s="626"/>
      <c r="R27" s="626"/>
      <c r="S27" s="626"/>
      <c r="T27" s="626"/>
      <c r="U27" s="626"/>
      <c r="V27" s="626"/>
      <c r="W27" s="626"/>
      <c r="X27" s="626"/>
      <c r="Y27" s="626"/>
      <c r="Z27" s="626"/>
      <c r="AA27" s="626"/>
      <c r="AB27" s="626"/>
      <c r="AC27" s="626"/>
      <c r="AD27" s="626"/>
      <c r="AE27" s="626"/>
      <c r="AF27" s="626"/>
      <c r="AG27" s="626"/>
      <c r="AH27" s="626"/>
      <c r="AI27" s="626"/>
      <c r="AJ27" s="626"/>
      <c r="AK27" s="626"/>
      <c r="AL27" s="627"/>
      <c r="AN27" s="3"/>
    </row>
    <row r="28" spans="2:40" x14ac:dyDescent="0.15">
      <c r="B28" s="585"/>
      <c r="C28" s="648"/>
      <c r="D28" s="648"/>
      <c r="E28" s="648"/>
      <c r="F28" s="648"/>
      <c r="G28" s="648"/>
      <c r="H28" s="648"/>
      <c r="I28" s="648"/>
      <c r="J28" s="648"/>
      <c r="K28" s="648"/>
      <c r="L28" s="628"/>
      <c r="M28" s="629"/>
      <c r="N28" s="629"/>
      <c r="O28" s="629"/>
      <c r="P28" s="629"/>
      <c r="Q28" s="629"/>
      <c r="R28" s="629"/>
      <c r="S28" s="629"/>
      <c r="T28" s="629"/>
      <c r="U28" s="629"/>
      <c r="V28" s="629"/>
      <c r="W28" s="629"/>
      <c r="X28" s="629"/>
      <c r="Y28" s="629"/>
      <c r="Z28" s="629"/>
      <c r="AA28" s="629"/>
      <c r="AB28" s="629"/>
      <c r="AC28" s="629"/>
      <c r="AD28" s="629"/>
      <c r="AE28" s="629"/>
      <c r="AF28" s="629"/>
      <c r="AG28" s="629"/>
      <c r="AH28" s="629"/>
      <c r="AI28" s="629"/>
      <c r="AJ28" s="629"/>
      <c r="AK28" s="629"/>
      <c r="AL28" s="632"/>
      <c r="AN28" s="3"/>
    </row>
    <row r="29" spans="2:40" ht="14.25" customHeight="1" x14ac:dyDescent="0.15">
      <c r="B29" s="585"/>
      <c r="C29" s="620" t="s">
        <v>91</v>
      </c>
      <c r="D29" s="620"/>
      <c r="E29" s="620"/>
      <c r="F29" s="620"/>
      <c r="G29" s="620"/>
      <c r="H29" s="620"/>
      <c r="I29" s="620"/>
      <c r="J29" s="620"/>
      <c r="K29" s="620"/>
      <c r="L29" s="557" t="s">
        <v>9</v>
      </c>
      <c r="M29" s="558"/>
      <c r="N29" s="558"/>
      <c r="O29" s="558"/>
      <c r="P29" s="559"/>
      <c r="Q29" s="28"/>
      <c r="R29" s="32"/>
      <c r="S29" s="32"/>
      <c r="T29" s="32"/>
      <c r="U29" s="32"/>
      <c r="V29" s="32"/>
      <c r="W29" s="32"/>
      <c r="X29" s="32"/>
      <c r="Y29" s="33"/>
      <c r="Z29" s="633" t="s">
        <v>10</v>
      </c>
      <c r="AA29" s="634"/>
      <c r="AB29" s="634"/>
      <c r="AC29" s="634"/>
      <c r="AD29" s="635"/>
      <c r="AE29" s="28"/>
      <c r="AF29" s="32"/>
      <c r="AG29" s="22"/>
      <c r="AH29" s="22"/>
      <c r="AI29" s="22"/>
      <c r="AJ29" s="623"/>
      <c r="AK29" s="623"/>
      <c r="AL29" s="624"/>
      <c r="AN29" s="3"/>
    </row>
    <row r="30" spans="2:40" ht="14.25" customHeight="1" x14ac:dyDescent="0.15">
      <c r="B30" s="585"/>
      <c r="C30" s="620" t="s">
        <v>17</v>
      </c>
      <c r="D30" s="620"/>
      <c r="E30" s="620"/>
      <c r="F30" s="620"/>
      <c r="G30" s="620"/>
      <c r="H30" s="620"/>
      <c r="I30" s="620"/>
      <c r="J30" s="620"/>
      <c r="K30" s="620"/>
      <c r="L30" s="621"/>
      <c r="M30" s="621"/>
      <c r="N30" s="621"/>
      <c r="O30" s="621"/>
      <c r="P30" s="621"/>
      <c r="Q30" s="621"/>
      <c r="R30" s="621"/>
      <c r="S30" s="621"/>
      <c r="T30" s="621"/>
      <c r="U30" s="621"/>
      <c r="V30" s="621"/>
      <c r="W30" s="621"/>
      <c r="X30" s="621"/>
      <c r="Y30" s="621"/>
      <c r="Z30" s="621"/>
      <c r="AA30" s="621"/>
      <c r="AB30" s="621"/>
      <c r="AC30" s="621"/>
      <c r="AD30" s="621"/>
      <c r="AE30" s="621"/>
      <c r="AF30" s="621"/>
      <c r="AG30" s="621"/>
      <c r="AH30" s="621"/>
      <c r="AI30" s="621"/>
      <c r="AJ30" s="621"/>
      <c r="AK30" s="621"/>
      <c r="AL30" s="621"/>
      <c r="AN30" s="3"/>
    </row>
    <row r="31" spans="2:40" ht="13.5" customHeight="1" x14ac:dyDescent="0.15">
      <c r="B31" s="585"/>
      <c r="C31" s="620" t="s">
        <v>18</v>
      </c>
      <c r="D31" s="620"/>
      <c r="E31" s="620"/>
      <c r="F31" s="620"/>
      <c r="G31" s="620"/>
      <c r="H31" s="620"/>
      <c r="I31" s="620"/>
      <c r="J31" s="620"/>
      <c r="K31" s="620"/>
      <c r="L31" s="622" t="s">
        <v>88</v>
      </c>
      <c r="M31" s="623"/>
      <c r="N31" s="623"/>
      <c r="O31" s="623"/>
      <c r="P31" s="623"/>
      <c r="Q31" s="623"/>
      <c r="R31" s="623"/>
      <c r="S31" s="623"/>
      <c r="T31" s="623"/>
      <c r="U31" s="623"/>
      <c r="V31" s="623"/>
      <c r="W31" s="623"/>
      <c r="X31" s="623"/>
      <c r="Y31" s="623"/>
      <c r="Z31" s="623"/>
      <c r="AA31" s="623"/>
      <c r="AB31" s="623"/>
      <c r="AC31" s="623"/>
      <c r="AD31" s="623"/>
      <c r="AE31" s="623"/>
      <c r="AF31" s="623"/>
      <c r="AG31" s="623"/>
      <c r="AH31" s="623"/>
      <c r="AI31" s="623"/>
      <c r="AJ31" s="623"/>
      <c r="AK31" s="623"/>
      <c r="AL31" s="624"/>
      <c r="AN31" s="3"/>
    </row>
    <row r="32" spans="2:40" ht="14.25" customHeight="1" x14ac:dyDescent="0.15">
      <c r="B32" s="585"/>
      <c r="C32" s="620"/>
      <c r="D32" s="620"/>
      <c r="E32" s="620"/>
      <c r="F32" s="620"/>
      <c r="G32" s="620"/>
      <c r="H32" s="620"/>
      <c r="I32" s="620"/>
      <c r="J32" s="620"/>
      <c r="K32" s="620"/>
      <c r="L32" s="625" t="s">
        <v>89</v>
      </c>
      <c r="M32" s="626"/>
      <c r="N32" s="626"/>
      <c r="O32" s="626"/>
      <c r="P32" s="626"/>
      <c r="Q32" s="626"/>
      <c r="R32" s="626"/>
      <c r="S32" s="626"/>
      <c r="T32" s="626"/>
      <c r="U32" s="626"/>
      <c r="V32" s="626"/>
      <c r="W32" s="626"/>
      <c r="X32" s="626"/>
      <c r="Y32" s="626"/>
      <c r="Z32" s="626"/>
      <c r="AA32" s="626"/>
      <c r="AB32" s="626"/>
      <c r="AC32" s="626"/>
      <c r="AD32" s="626"/>
      <c r="AE32" s="626"/>
      <c r="AF32" s="626"/>
      <c r="AG32" s="626"/>
      <c r="AH32" s="626"/>
      <c r="AI32" s="626"/>
      <c r="AJ32" s="626"/>
      <c r="AK32" s="626"/>
      <c r="AL32" s="627"/>
      <c r="AN32" s="3"/>
    </row>
    <row r="33" spans="2:40" x14ac:dyDescent="0.15">
      <c r="B33" s="586"/>
      <c r="C33" s="620"/>
      <c r="D33" s="620"/>
      <c r="E33" s="620"/>
      <c r="F33" s="620"/>
      <c r="G33" s="620"/>
      <c r="H33" s="620"/>
      <c r="I33" s="620"/>
      <c r="J33" s="620"/>
      <c r="K33" s="620"/>
      <c r="L33" s="628"/>
      <c r="M33" s="629"/>
      <c r="N33" s="630"/>
      <c r="O33" s="630"/>
      <c r="P33" s="630"/>
      <c r="Q33" s="630"/>
      <c r="R33" s="630"/>
      <c r="S33" s="630"/>
      <c r="T33" s="630"/>
      <c r="U33" s="630"/>
      <c r="V33" s="630"/>
      <c r="W33" s="630"/>
      <c r="X33" s="630"/>
      <c r="Y33" s="630"/>
      <c r="Z33" s="630"/>
      <c r="AA33" s="630"/>
      <c r="AB33" s="630"/>
      <c r="AC33" s="629"/>
      <c r="AD33" s="629"/>
      <c r="AE33" s="629"/>
      <c r="AF33" s="629"/>
      <c r="AG33" s="629"/>
      <c r="AH33" s="630"/>
      <c r="AI33" s="630"/>
      <c r="AJ33" s="630"/>
      <c r="AK33" s="630"/>
      <c r="AL33" s="631"/>
      <c r="AN33" s="3"/>
    </row>
    <row r="34" spans="2:40" ht="13.5" customHeight="1" x14ac:dyDescent="0.15">
      <c r="B34" s="584" t="s">
        <v>46</v>
      </c>
      <c r="C34" s="587" t="s">
        <v>93</v>
      </c>
      <c r="D34" s="588"/>
      <c r="E34" s="588"/>
      <c r="F34" s="588"/>
      <c r="G34" s="588"/>
      <c r="H34" s="588"/>
      <c r="I34" s="588"/>
      <c r="J34" s="588"/>
      <c r="K34" s="588"/>
      <c r="L34" s="588"/>
      <c r="M34" s="606" t="s">
        <v>19</v>
      </c>
      <c r="N34" s="574"/>
      <c r="O34" s="53" t="s">
        <v>48</v>
      </c>
      <c r="P34" s="49"/>
      <c r="Q34" s="50"/>
      <c r="R34" s="608" t="s">
        <v>20</v>
      </c>
      <c r="S34" s="609"/>
      <c r="T34" s="609"/>
      <c r="U34" s="609"/>
      <c r="V34" s="609"/>
      <c r="W34" s="609"/>
      <c r="X34" s="610"/>
      <c r="Y34" s="614" t="s">
        <v>59</v>
      </c>
      <c r="Z34" s="615"/>
      <c r="AA34" s="615"/>
      <c r="AB34" s="616"/>
      <c r="AC34" s="617" t="s">
        <v>60</v>
      </c>
      <c r="AD34" s="618"/>
      <c r="AE34" s="618"/>
      <c r="AF34" s="618"/>
      <c r="AG34" s="619"/>
      <c r="AH34" s="593" t="s">
        <v>53</v>
      </c>
      <c r="AI34" s="594"/>
      <c r="AJ34" s="594"/>
      <c r="AK34" s="594"/>
      <c r="AL34" s="595"/>
      <c r="AN34" s="3"/>
    </row>
    <row r="35" spans="2:40" ht="14.25" customHeight="1" x14ac:dyDescent="0.15">
      <c r="B35" s="585"/>
      <c r="C35" s="589"/>
      <c r="D35" s="590"/>
      <c r="E35" s="590"/>
      <c r="F35" s="590"/>
      <c r="G35" s="590"/>
      <c r="H35" s="590"/>
      <c r="I35" s="590"/>
      <c r="J35" s="590"/>
      <c r="K35" s="590"/>
      <c r="L35" s="590"/>
      <c r="M35" s="607"/>
      <c r="N35" s="577"/>
      <c r="O35" s="54" t="s">
        <v>49</v>
      </c>
      <c r="P35" s="51"/>
      <c r="Q35" s="52"/>
      <c r="R35" s="611"/>
      <c r="S35" s="612"/>
      <c r="T35" s="612"/>
      <c r="U35" s="612"/>
      <c r="V35" s="612"/>
      <c r="W35" s="612"/>
      <c r="X35" s="613"/>
      <c r="Y35" s="56" t="s">
        <v>34</v>
      </c>
      <c r="Z35" s="55"/>
      <c r="AA35" s="55"/>
      <c r="AB35" s="55"/>
      <c r="AC35" s="596" t="s">
        <v>35</v>
      </c>
      <c r="AD35" s="597"/>
      <c r="AE35" s="597"/>
      <c r="AF35" s="597"/>
      <c r="AG35" s="598"/>
      <c r="AH35" s="599" t="s">
        <v>54</v>
      </c>
      <c r="AI35" s="600"/>
      <c r="AJ35" s="600"/>
      <c r="AK35" s="600"/>
      <c r="AL35" s="601"/>
      <c r="AN35" s="3"/>
    </row>
    <row r="36" spans="2:40" ht="14.25" customHeight="1" x14ac:dyDescent="0.15">
      <c r="B36" s="585"/>
      <c r="C36" s="565"/>
      <c r="D36" s="69"/>
      <c r="E36" s="579" t="s">
        <v>2</v>
      </c>
      <c r="F36" s="579"/>
      <c r="G36" s="579"/>
      <c r="H36" s="579"/>
      <c r="I36" s="579"/>
      <c r="J36" s="579"/>
      <c r="K36" s="579"/>
      <c r="L36" s="602"/>
      <c r="M36" s="37"/>
      <c r="N36" s="36"/>
      <c r="O36" s="18"/>
      <c r="P36" s="19"/>
      <c r="Q36" s="36"/>
      <c r="R36" s="11" t="s">
        <v>61</v>
      </c>
      <c r="S36" s="5"/>
      <c r="T36" s="5"/>
      <c r="U36" s="5"/>
      <c r="V36" s="5"/>
      <c r="W36" s="5"/>
      <c r="X36" s="5"/>
      <c r="Y36" s="9"/>
      <c r="Z36" s="30"/>
      <c r="AA36" s="30"/>
      <c r="AB36" s="30"/>
      <c r="AC36" s="15"/>
      <c r="AD36" s="16"/>
      <c r="AE36" s="16"/>
      <c r="AF36" s="16"/>
      <c r="AG36" s="17"/>
      <c r="AH36" s="15"/>
      <c r="AI36" s="16"/>
      <c r="AJ36" s="16"/>
      <c r="AK36" s="16"/>
      <c r="AL36" s="17" t="s">
        <v>64</v>
      </c>
      <c r="AN36" s="3"/>
    </row>
    <row r="37" spans="2:40" ht="14.25" customHeight="1" x14ac:dyDescent="0.15">
      <c r="B37" s="585"/>
      <c r="C37" s="565"/>
      <c r="D37" s="69"/>
      <c r="E37" s="579" t="s">
        <v>3</v>
      </c>
      <c r="F37" s="580"/>
      <c r="G37" s="580"/>
      <c r="H37" s="580"/>
      <c r="I37" s="580"/>
      <c r="J37" s="580"/>
      <c r="K37" s="580"/>
      <c r="L37" s="581"/>
      <c r="M37" s="37"/>
      <c r="N37" s="36"/>
      <c r="O37" s="18"/>
      <c r="P37" s="19"/>
      <c r="Q37" s="36"/>
      <c r="R37" s="11" t="s">
        <v>61</v>
      </c>
      <c r="S37" s="5"/>
      <c r="T37" s="5"/>
      <c r="U37" s="5"/>
      <c r="V37" s="5"/>
      <c r="W37" s="5"/>
      <c r="X37" s="5"/>
      <c r="Y37" s="9"/>
      <c r="Z37" s="30"/>
      <c r="AA37" s="30"/>
      <c r="AB37" s="30"/>
      <c r="AC37" s="15"/>
      <c r="AD37" s="16"/>
      <c r="AE37" s="16"/>
      <c r="AF37" s="16"/>
      <c r="AG37" s="17"/>
      <c r="AH37" s="15"/>
      <c r="AI37" s="16"/>
      <c r="AJ37" s="16"/>
      <c r="AK37" s="16"/>
      <c r="AL37" s="17" t="s">
        <v>64</v>
      </c>
      <c r="AN37" s="3"/>
    </row>
    <row r="38" spans="2:40" ht="14.25" customHeight="1" x14ac:dyDescent="0.15">
      <c r="B38" s="585"/>
      <c r="C38" s="565"/>
      <c r="D38" s="69"/>
      <c r="E38" s="579" t="s">
        <v>4</v>
      </c>
      <c r="F38" s="580"/>
      <c r="G38" s="580"/>
      <c r="H38" s="580"/>
      <c r="I38" s="580"/>
      <c r="J38" s="580"/>
      <c r="K38" s="580"/>
      <c r="L38" s="581"/>
      <c r="M38" s="37"/>
      <c r="N38" s="36"/>
      <c r="O38" s="18"/>
      <c r="P38" s="19"/>
      <c r="Q38" s="36"/>
      <c r="R38" s="11" t="s">
        <v>61</v>
      </c>
      <c r="S38" s="5"/>
      <c r="T38" s="5"/>
      <c r="U38" s="5"/>
      <c r="V38" s="5"/>
      <c r="W38" s="5"/>
      <c r="X38" s="5"/>
      <c r="Y38" s="9"/>
      <c r="Z38" s="30"/>
      <c r="AA38" s="30"/>
      <c r="AB38" s="30"/>
      <c r="AC38" s="15"/>
      <c r="AD38" s="16"/>
      <c r="AE38" s="16"/>
      <c r="AF38" s="16"/>
      <c r="AG38" s="17"/>
      <c r="AH38" s="15"/>
      <c r="AI38" s="16"/>
      <c r="AJ38" s="16"/>
      <c r="AK38" s="16"/>
      <c r="AL38" s="17" t="s">
        <v>64</v>
      </c>
      <c r="AN38" s="3"/>
    </row>
    <row r="39" spans="2:40" ht="14.25" customHeight="1" x14ac:dyDescent="0.15">
      <c r="B39" s="585"/>
      <c r="C39" s="565"/>
      <c r="D39" s="69"/>
      <c r="E39" s="579" t="s">
        <v>6</v>
      </c>
      <c r="F39" s="580"/>
      <c r="G39" s="580"/>
      <c r="H39" s="580"/>
      <c r="I39" s="580"/>
      <c r="J39" s="580"/>
      <c r="K39" s="580"/>
      <c r="L39" s="581"/>
      <c r="M39" s="37"/>
      <c r="N39" s="36"/>
      <c r="O39" s="18"/>
      <c r="P39" s="19"/>
      <c r="Q39" s="36"/>
      <c r="R39" s="11" t="s">
        <v>61</v>
      </c>
      <c r="S39" s="5"/>
      <c r="T39" s="5"/>
      <c r="U39" s="5"/>
      <c r="V39" s="5"/>
      <c r="W39" s="5"/>
      <c r="X39" s="5"/>
      <c r="Y39" s="9"/>
      <c r="Z39" s="30"/>
      <c r="AA39" s="30"/>
      <c r="AB39" s="30"/>
      <c r="AC39" s="15"/>
      <c r="AD39" s="16"/>
      <c r="AE39" s="16"/>
      <c r="AF39" s="16"/>
      <c r="AG39" s="17"/>
      <c r="AH39" s="15"/>
      <c r="AI39" s="16"/>
      <c r="AJ39" s="16"/>
      <c r="AK39" s="16"/>
      <c r="AL39" s="17" t="s">
        <v>64</v>
      </c>
      <c r="AN39" s="3"/>
    </row>
    <row r="40" spans="2:40" ht="14.25" customHeight="1" x14ac:dyDescent="0.15">
      <c r="B40" s="585"/>
      <c r="C40" s="565"/>
      <c r="D40" s="69"/>
      <c r="E40" s="579" t="s">
        <v>5</v>
      </c>
      <c r="F40" s="580"/>
      <c r="G40" s="580"/>
      <c r="H40" s="580"/>
      <c r="I40" s="580"/>
      <c r="J40" s="580"/>
      <c r="K40" s="580"/>
      <c r="L40" s="581"/>
      <c r="M40" s="37"/>
      <c r="N40" s="36"/>
      <c r="O40" s="18"/>
      <c r="P40" s="19"/>
      <c r="Q40" s="36"/>
      <c r="R40" s="11" t="s">
        <v>61</v>
      </c>
      <c r="S40" s="5"/>
      <c r="T40" s="5"/>
      <c r="U40" s="5"/>
      <c r="V40" s="5"/>
      <c r="W40" s="5"/>
      <c r="X40" s="5"/>
      <c r="Y40" s="9"/>
      <c r="Z40" s="30"/>
      <c r="AA40" s="30"/>
      <c r="AB40" s="30"/>
      <c r="AC40" s="15"/>
      <c r="AD40" s="16"/>
      <c r="AE40" s="16"/>
      <c r="AF40" s="16"/>
      <c r="AG40" s="17"/>
      <c r="AH40" s="15"/>
      <c r="AI40" s="16"/>
      <c r="AJ40" s="16"/>
      <c r="AK40" s="16"/>
      <c r="AL40" s="17" t="s">
        <v>64</v>
      </c>
      <c r="AN40" s="3"/>
    </row>
    <row r="41" spans="2:40" ht="14.25" customHeight="1" thickBot="1" x14ac:dyDescent="0.2">
      <c r="B41" s="585"/>
      <c r="C41" s="565"/>
      <c r="D41" s="70"/>
      <c r="E41" s="603" t="s">
        <v>47</v>
      </c>
      <c r="F41" s="604"/>
      <c r="G41" s="604"/>
      <c r="H41" s="604"/>
      <c r="I41" s="604"/>
      <c r="J41" s="604"/>
      <c r="K41" s="604"/>
      <c r="L41" s="605"/>
      <c r="M41" s="71"/>
      <c r="N41" s="35"/>
      <c r="O41" s="80"/>
      <c r="P41" s="34"/>
      <c r="Q41" s="35"/>
      <c r="R41" s="4" t="s">
        <v>61</v>
      </c>
      <c r="S41" s="81"/>
      <c r="T41" s="81"/>
      <c r="U41" s="81"/>
      <c r="V41" s="81"/>
      <c r="W41" s="81"/>
      <c r="X41" s="81"/>
      <c r="Y41" s="6"/>
      <c r="Z41" s="67"/>
      <c r="AA41" s="67"/>
      <c r="AB41" s="67"/>
      <c r="AC41" s="57"/>
      <c r="AD41" s="58"/>
      <c r="AE41" s="58"/>
      <c r="AF41" s="58"/>
      <c r="AG41" s="59"/>
      <c r="AH41" s="57"/>
      <c r="AI41" s="58"/>
      <c r="AJ41" s="58"/>
      <c r="AK41" s="58"/>
      <c r="AL41" s="59" t="s">
        <v>64</v>
      </c>
      <c r="AN41" s="3"/>
    </row>
    <row r="42" spans="2:40" ht="14.25" customHeight="1" thickTop="1" x14ac:dyDescent="0.15">
      <c r="B42" s="585"/>
      <c r="C42" s="565"/>
      <c r="D42" s="72"/>
      <c r="E42" s="591" t="s">
        <v>71</v>
      </c>
      <c r="F42" s="591"/>
      <c r="G42" s="591"/>
      <c r="H42" s="591"/>
      <c r="I42" s="591"/>
      <c r="J42" s="591"/>
      <c r="K42" s="591"/>
      <c r="L42" s="592"/>
      <c r="M42" s="73"/>
      <c r="N42" s="75"/>
      <c r="O42" s="82"/>
      <c r="P42" s="74"/>
      <c r="Q42" s="75"/>
      <c r="R42" s="83" t="s">
        <v>61</v>
      </c>
      <c r="S42" s="84"/>
      <c r="T42" s="84"/>
      <c r="U42" s="84"/>
      <c r="V42" s="84"/>
      <c r="W42" s="84"/>
      <c r="X42" s="84"/>
      <c r="Y42" s="76"/>
      <c r="Z42" s="77"/>
      <c r="AA42" s="77"/>
      <c r="AB42" s="77"/>
      <c r="AC42" s="85"/>
      <c r="AD42" s="78"/>
      <c r="AE42" s="78"/>
      <c r="AF42" s="78"/>
      <c r="AG42" s="79"/>
      <c r="AH42" s="85"/>
      <c r="AI42" s="78"/>
      <c r="AJ42" s="78"/>
      <c r="AK42" s="78"/>
      <c r="AL42" s="79" t="s">
        <v>64</v>
      </c>
      <c r="AN42" s="3"/>
    </row>
    <row r="43" spans="2:40" ht="14.25" customHeight="1" x14ac:dyDescent="0.15">
      <c r="B43" s="585"/>
      <c r="C43" s="565"/>
      <c r="D43" s="69"/>
      <c r="E43" s="579" t="s">
        <v>72</v>
      </c>
      <c r="F43" s="580"/>
      <c r="G43" s="580"/>
      <c r="H43" s="580"/>
      <c r="I43" s="580"/>
      <c r="J43" s="580"/>
      <c r="K43" s="580"/>
      <c r="L43" s="581"/>
      <c r="M43" s="37"/>
      <c r="N43" s="36"/>
      <c r="O43" s="18"/>
      <c r="P43" s="19"/>
      <c r="Q43" s="36"/>
      <c r="R43" s="11" t="s">
        <v>61</v>
      </c>
      <c r="S43" s="5"/>
      <c r="T43" s="5"/>
      <c r="U43" s="5"/>
      <c r="V43" s="5"/>
      <c r="W43" s="5"/>
      <c r="X43" s="5"/>
      <c r="Y43" s="9"/>
      <c r="Z43" s="30"/>
      <c r="AA43" s="30"/>
      <c r="AB43" s="30"/>
      <c r="AC43" s="15"/>
      <c r="AD43" s="16"/>
      <c r="AE43" s="16"/>
      <c r="AF43" s="16"/>
      <c r="AG43" s="17"/>
      <c r="AH43" s="15"/>
      <c r="AI43" s="16"/>
      <c r="AJ43" s="16"/>
      <c r="AK43" s="16"/>
      <c r="AL43" s="17" t="s">
        <v>64</v>
      </c>
      <c r="AN43" s="3"/>
    </row>
    <row r="44" spans="2:40" ht="14.25" customHeight="1" x14ac:dyDescent="0.15">
      <c r="B44" s="585"/>
      <c r="C44" s="565"/>
      <c r="D44" s="69"/>
      <c r="E44" s="579" t="s">
        <v>73</v>
      </c>
      <c r="F44" s="580"/>
      <c r="G44" s="580"/>
      <c r="H44" s="580"/>
      <c r="I44" s="580"/>
      <c r="J44" s="580"/>
      <c r="K44" s="580"/>
      <c r="L44" s="581"/>
      <c r="M44" s="37"/>
      <c r="N44" s="36"/>
      <c r="O44" s="18"/>
      <c r="P44" s="19"/>
      <c r="Q44" s="36"/>
      <c r="R44" s="11" t="s">
        <v>61</v>
      </c>
      <c r="S44" s="5"/>
      <c r="T44" s="5"/>
      <c r="U44" s="5"/>
      <c r="V44" s="5"/>
      <c r="W44" s="5"/>
      <c r="X44" s="5"/>
      <c r="Y44" s="9"/>
      <c r="Z44" s="30"/>
      <c r="AA44" s="30"/>
      <c r="AB44" s="30"/>
      <c r="AC44" s="15"/>
      <c r="AD44" s="16"/>
      <c r="AE44" s="16"/>
      <c r="AF44" s="16"/>
      <c r="AG44" s="17"/>
      <c r="AH44" s="15"/>
      <c r="AI44" s="16"/>
      <c r="AJ44" s="16"/>
      <c r="AK44" s="16"/>
      <c r="AL44" s="17" t="s">
        <v>64</v>
      </c>
      <c r="AN44" s="3"/>
    </row>
    <row r="45" spans="2:40" ht="14.25" customHeight="1" x14ac:dyDescent="0.15">
      <c r="B45" s="585"/>
      <c r="C45" s="565"/>
      <c r="D45" s="69"/>
      <c r="E45" s="579" t="s">
        <v>74</v>
      </c>
      <c r="F45" s="580"/>
      <c r="G45" s="580"/>
      <c r="H45" s="580"/>
      <c r="I45" s="580"/>
      <c r="J45" s="580"/>
      <c r="K45" s="580"/>
      <c r="L45" s="581"/>
      <c r="M45" s="37"/>
      <c r="N45" s="36"/>
      <c r="O45" s="18"/>
      <c r="P45" s="19"/>
      <c r="Q45" s="36"/>
      <c r="R45" s="11" t="s">
        <v>61</v>
      </c>
      <c r="S45" s="5"/>
      <c r="T45" s="5"/>
      <c r="U45" s="5"/>
      <c r="V45" s="5"/>
      <c r="W45" s="5"/>
      <c r="X45" s="5"/>
      <c r="Y45" s="9"/>
      <c r="Z45" s="30"/>
      <c r="AA45" s="30"/>
      <c r="AB45" s="30"/>
      <c r="AC45" s="15"/>
      <c r="AD45" s="16"/>
      <c r="AE45" s="16"/>
      <c r="AF45" s="16"/>
      <c r="AG45" s="17"/>
      <c r="AH45" s="15"/>
      <c r="AI45" s="16"/>
      <c r="AJ45" s="16"/>
      <c r="AK45" s="16"/>
      <c r="AL45" s="17" t="s">
        <v>64</v>
      </c>
      <c r="AN45" s="3"/>
    </row>
    <row r="46" spans="2:40" ht="14.25" customHeight="1" x14ac:dyDescent="0.15">
      <c r="B46" s="585"/>
      <c r="C46" s="565"/>
      <c r="D46" s="69"/>
      <c r="E46" s="579" t="s">
        <v>79</v>
      </c>
      <c r="F46" s="580"/>
      <c r="G46" s="580"/>
      <c r="H46" s="580"/>
      <c r="I46" s="580"/>
      <c r="J46" s="580"/>
      <c r="K46" s="580"/>
      <c r="L46" s="581"/>
      <c r="M46" s="37"/>
      <c r="N46" s="36"/>
      <c r="O46" s="18"/>
      <c r="P46" s="19"/>
      <c r="Q46" s="36"/>
      <c r="R46" s="11" t="s">
        <v>61</v>
      </c>
      <c r="S46" s="5"/>
      <c r="T46" s="5"/>
      <c r="U46" s="5"/>
      <c r="V46" s="5"/>
      <c r="W46" s="5"/>
      <c r="X46" s="5"/>
      <c r="Y46" s="9"/>
      <c r="Z46" s="30"/>
      <c r="AA46" s="30"/>
      <c r="AB46" s="30"/>
      <c r="AC46" s="15"/>
      <c r="AD46" s="16"/>
      <c r="AE46" s="16"/>
      <c r="AF46" s="16"/>
      <c r="AG46" s="17"/>
      <c r="AH46" s="15"/>
      <c r="AI46" s="16"/>
      <c r="AJ46" s="16"/>
      <c r="AK46" s="16"/>
      <c r="AL46" s="17" t="s">
        <v>64</v>
      </c>
      <c r="AN46" s="3"/>
    </row>
    <row r="47" spans="2:40" ht="14.25" customHeight="1" x14ac:dyDescent="0.15">
      <c r="B47" s="586"/>
      <c r="C47" s="565"/>
      <c r="D47" s="69"/>
      <c r="E47" s="579" t="s">
        <v>80</v>
      </c>
      <c r="F47" s="580"/>
      <c r="G47" s="580"/>
      <c r="H47" s="580"/>
      <c r="I47" s="580"/>
      <c r="J47" s="580"/>
      <c r="K47" s="580"/>
      <c r="L47" s="581"/>
      <c r="M47" s="37"/>
      <c r="N47" s="36"/>
      <c r="O47" s="18"/>
      <c r="P47" s="19"/>
      <c r="Q47" s="36"/>
      <c r="R47" s="11" t="s">
        <v>61</v>
      </c>
      <c r="S47" s="5"/>
      <c r="T47" s="5"/>
      <c r="U47" s="5"/>
      <c r="V47" s="5"/>
      <c r="W47" s="5"/>
      <c r="X47" s="5"/>
      <c r="Y47" s="9"/>
      <c r="Z47" s="30"/>
      <c r="AA47" s="30"/>
      <c r="AB47" s="30"/>
      <c r="AC47" s="15"/>
      <c r="AD47" s="16"/>
      <c r="AE47" s="16"/>
      <c r="AF47" s="16"/>
      <c r="AG47" s="17"/>
      <c r="AH47" s="15"/>
      <c r="AI47" s="16"/>
      <c r="AJ47" s="16"/>
      <c r="AK47" s="16"/>
      <c r="AL47" s="17" t="s">
        <v>64</v>
      </c>
      <c r="AN47" s="3"/>
    </row>
    <row r="48" spans="2:40" ht="14.25" customHeight="1" x14ac:dyDescent="0.15">
      <c r="B48" s="582" t="s">
        <v>50</v>
      </c>
      <c r="C48" s="582"/>
      <c r="D48" s="582"/>
      <c r="E48" s="582"/>
      <c r="F48" s="582"/>
      <c r="G48" s="582"/>
      <c r="H48" s="582"/>
      <c r="I48" s="582"/>
      <c r="J48" s="582"/>
      <c r="K48" s="582"/>
      <c r="L48" s="62"/>
      <c r="M48" s="63"/>
      <c r="N48" s="63"/>
      <c r="O48" s="63"/>
      <c r="P48" s="63"/>
      <c r="Q48" s="63"/>
      <c r="R48" s="64"/>
      <c r="S48" s="64"/>
      <c r="T48" s="64"/>
      <c r="U48" s="65"/>
      <c r="V48" s="9"/>
      <c r="W48" s="10"/>
      <c r="X48" s="11"/>
      <c r="Y48" s="10"/>
      <c r="Z48" s="30"/>
      <c r="AA48" s="30"/>
      <c r="AB48" s="30"/>
      <c r="AC48" s="16"/>
      <c r="AD48" s="16"/>
      <c r="AE48" s="16"/>
      <c r="AF48" s="16"/>
      <c r="AG48" s="16"/>
      <c r="AH48" s="47"/>
      <c r="AI48" s="16"/>
      <c r="AJ48" s="16"/>
      <c r="AK48" s="16"/>
      <c r="AL48" s="17"/>
      <c r="AN48" s="3"/>
    </row>
    <row r="49" spans="2:40" ht="14.25" customHeight="1" x14ac:dyDescent="0.15">
      <c r="B49" s="582" t="s">
        <v>51</v>
      </c>
      <c r="C49" s="582"/>
      <c r="D49" s="582"/>
      <c r="E49" s="582"/>
      <c r="F49" s="582"/>
      <c r="G49" s="582"/>
      <c r="H49" s="582"/>
      <c r="I49" s="582"/>
      <c r="J49" s="582"/>
      <c r="K49" s="583"/>
      <c r="L49" s="66"/>
      <c r="M49" s="19"/>
      <c r="N49" s="19"/>
      <c r="O49" s="19"/>
      <c r="P49" s="19"/>
      <c r="Q49" s="19"/>
      <c r="R49" s="10"/>
      <c r="S49" s="10"/>
      <c r="T49" s="10"/>
      <c r="U49" s="10"/>
      <c r="V49" s="8"/>
      <c r="W49" s="8"/>
      <c r="X49" s="8"/>
      <c r="Y49" s="8"/>
      <c r="Z49" s="68"/>
      <c r="AA49" s="68"/>
      <c r="AB49" s="68"/>
      <c r="AC49" s="60"/>
      <c r="AD49" s="60"/>
      <c r="AE49" s="60"/>
      <c r="AF49" s="60"/>
      <c r="AG49" s="60"/>
      <c r="AH49" s="51"/>
      <c r="AI49" s="60"/>
      <c r="AJ49" s="60"/>
      <c r="AK49" s="60"/>
      <c r="AL49" s="61"/>
      <c r="AN49" s="3"/>
    </row>
    <row r="50" spans="2:40" ht="14.25" customHeight="1" x14ac:dyDescent="0.15">
      <c r="B50" s="560" t="s">
        <v>21</v>
      </c>
      <c r="C50" s="560"/>
      <c r="D50" s="560"/>
      <c r="E50" s="560"/>
      <c r="F50" s="560"/>
      <c r="G50" s="560"/>
      <c r="H50" s="560"/>
      <c r="I50" s="560"/>
      <c r="J50" s="560"/>
      <c r="K50" s="560"/>
      <c r="L50" s="62"/>
      <c r="M50" s="63"/>
      <c r="N50" s="63"/>
      <c r="O50" s="63"/>
      <c r="P50" s="63"/>
      <c r="Q50" s="63"/>
      <c r="R50" s="64"/>
      <c r="S50" s="64"/>
      <c r="T50" s="64"/>
      <c r="U50" s="65"/>
      <c r="V50" s="9" t="s">
        <v>0</v>
      </c>
      <c r="W50" s="10"/>
      <c r="X50" s="10"/>
      <c r="Y50" s="10"/>
      <c r="Z50" s="30"/>
      <c r="AA50" s="30"/>
      <c r="AB50" s="30"/>
      <c r="AC50" s="16"/>
      <c r="AD50" s="16"/>
      <c r="AE50" s="16"/>
      <c r="AF50" s="16"/>
      <c r="AG50" s="16"/>
      <c r="AH50" s="47"/>
      <c r="AI50" s="16"/>
      <c r="AJ50" s="16"/>
      <c r="AK50" s="16"/>
      <c r="AL50" s="17"/>
      <c r="AN50" s="3"/>
    </row>
    <row r="51" spans="2:40" ht="14.25" customHeight="1" x14ac:dyDescent="0.15">
      <c r="B51" s="561" t="s">
        <v>52</v>
      </c>
      <c r="C51" s="561"/>
      <c r="D51" s="561"/>
      <c r="E51" s="561"/>
      <c r="F51" s="561"/>
      <c r="G51" s="561"/>
      <c r="H51" s="561"/>
      <c r="I51" s="561"/>
      <c r="J51" s="561"/>
      <c r="K51" s="561"/>
      <c r="L51" s="48"/>
      <c r="M51" s="19"/>
      <c r="N51" s="19"/>
      <c r="O51" s="19"/>
      <c r="P51" s="19"/>
      <c r="Q51" s="19"/>
      <c r="R51" s="10"/>
      <c r="S51" s="10"/>
      <c r="T51" s="10"/>
      <c r="U51" s="10"/>
      <c r="V51" s="10"/>
      <c r="W51" s="7"/>
      <c r="X51" s="7"/>
      <c r="Y51" s="7"/>
      <c r="Z51" s="67"/>
      <c r="AA51" s="67"/>
      <c r="AB51" s="67"/>
      <c r="AC51" s="58"/>
      <c r="AD51" s="58"/>
      <c r="AE51" s="58"/>
      <c r="AF51" s="58"/>
      <c r="AG51" s="58"/>
      <c r="AH51" s="49"/>
      <c r="AI51" s="58"/>
      <c r="AJ51" s="58"/>
      <c r="AK51" s="58"/>
      <c r="AL51" s="59"/>
      <c r="AN51" s="3"/>
    </row>
    <row r="52" spans="2:40" ht="14.25" customHeight="1" x14ac:dyDescent="0.15">
      <c r="B52" s="562" t="s">
        <v>43</v>
      </c>
      <c r="C52" s="563"/>
      <c r="D52" s="563"/>
      <c r="E52" s="563"/>
      <c r="F52" s="563"/>
      <c r="G52" s="563"/>
      <c r="H52" s="563"/>
      <c r="I52" s="563"/>
      <c r="J52" s="563"/>
      <c r="K52" s="563"/>
      <c r="L52" s="563"/>
      <c r="M52" s="563"/>
      <c r="N52" s="563"/>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564" t="s">
        <v>22</v>
      </c>
      <c r="C53" s="567" t="s">
        <v>94</v>
      </c>
      <c r="D53" s="568"/>
      <c r="E53" s="568"/>
      <c r="F53" s="568"/>
      <c r="G53" s="568"/>
      <c r="H53" s="568"/>
      <c r="I53" s="568"/>
      <c r="J53" s="568"/>
      <c r="K53" s="568"/>
      <c r="L53" s="568"/>
      <c r="M53" s="568"/>
      <c r="N53" s="568"/>
      <c r="O53" s="568"/>
      <c r="P53" s="568"/>
      <c r="Q53" s="568"/>
      <c r="R53" s="568"/>
      <c r="S53" s="568"/>
      <c r="T53" s="569"/>
      <c r="U53" s="567" t="s">
        <v>36</v>
      </c>
      <c r="V53" s="570"/>
      <c r="W53" s="570"/>
      <c r="X53" s="570"/>
      <c r="Y53" s="570"/>
      <c r="Z53" s="570"/>
      <c r="AA53" s="570"/>
      <c r="AB53" s="570"/>
      <c r="AC53" s="570"/>
      <c r="AD53" s="570"/>
      <c r="AE53" s="570"/>
      <c r="AF53" s="570"/>
      <c r="AG53" s="570"/>
      <c r="AH53" s="570"/>
      <c r="AI53" s="570"/>
      <c r="AJ53" s="570"/>
      <c r="AK53" s="570"/>
      <c r="AL53" s="571"/>
      <c r="AN53" s="3"/>
    </row>
    <row r="54" spans="2:40" x14ac:dyDescent="0.15">
      <c r="B54" s="565"/>
      <c r="C54" s="572"/>
      <c r="D54" s="573"/>
      <c r="E54" s="573"/>
      <c r="F54" s="573"/>
      <c r="G54" s="573"/>
      <c r="H54" s="573"/>
      <c r="I54" s="573"/>
      <c r="J54" s="573"/>
      <c r="K54" s="573"/>
      <c r="L54" s="573"/>
      <c r="M54" s="573"/>
      <c r="N54" s="573"/>
      <c r="O54" s="573"/>
      <c r="P54" s="573"/>
      <c r="Q54" s="573"/>
      <c r="R54" s="573"/>
      <c r="S54" s="573"/>
      <c r="T54" s="574"/>
      <c r="U54" s="572"/>
      <c r="V54" s="573"/>
      <c r="W54" s="573"/>
      <c r="X54" s="573"/>
      <c r="Y54" s="573"/>
      <c r="Z54" s="573"/>
      <c r="AA54" s="573"/>
      <c r="AB54" s="573"/>
      <c r="AC54" s="573"/>
      <c r="AD54" s="573"/>
      <c r="AE54" s="573"/>
      <c r="AF54" s="573"/>
      <c r="AG54" s="573"/>
      <c r="AH54" s="573"/>
      <c r="AI54" s="573"/>
      <c r="AJ54" s="573"/>
      <c r="AK54" s="573"/>
      <c r="AL54" s="574"/>
      <c r="AN54" s="3"/>
    </row>
    <row r="55" spans="2:40" x14ac:dyDescent="0.15">
      <c r="B55" s="565"/>
      <c r="C55" s="575"/>
      <c r="D55" s="576"/>
      <c r="E55" s="576"/>
      <c r="F55" s="576"/>
      <c r="G55" s="576"/>
      <c r="H55" s="576"/>
      <c r="I55" s="576"/>
      <c r="J55" s="576"/>
      <c r="K55" s="576"/>
      <c r="L55" s="576"/>
      <c r="M55" s="576"/>
      <c r="N55" s="576"/>
      <c r="O55" s="576"/>
      <c r="P55" s="576"/>
      <c r="Q55" s="576"/>
      <c r="R55" s="576"/>
      <c r="S55" s="576"/>
      <c r="T55" s="577"/>
      <c r="U55" s="575"/>
      <c r="V55" s="576"/>
      <c r="W55" s="576"/>
      <c r="X55" s="576"/>
      <c r="Y55" s="576"/>
      <c r="Z55" s="576"/>
      <c r="AA55" s="576"/>
      <c r="AB55" s="576"/>
      <c r="AC55" s="576"/>
      <c r="AD55" s="576"/>
      <c r="AE55" s="576"/>
      <c r="AF55" s="576"/>
      <c r="AG55" s="576"/>
      <c r="AH55" s="576"/>
      <c r="AI55" s="576"/>
      <c r="AJ55" s="576"/>
      <c r="AK55" s="576"/>
      <c r="AL55" s="577"/>
      <c r="AN55" s="3"/>
    </row>
    <row r="56" spans="2:40" x14ac:dyDescent="0.15">
      <c r="B56" s="565"/>
      <c r="C56" s="575"/>
      <c r="D56" s="576"/>
      <c r="E56" s="576"/>
      <c r="F56" s="576"/>
      <c r="G56" s="576"/>
      <c r="H56" s="576"/>
      <c r="I56" s="576"/>
      <c r="J56" s="576"/>
      <c r="K56" s="576"/>
      <c r="L56" s="576"/>
      <c r="M56" s="576"/>
      <c r="N56" s="576"/>
      <c r="O56" s="576"/>
      <c r="P56" s="576"/>
      <c r="Q56" s="576"/>
      <c r="R56" s="576"/>
      <c r="S56" s="576"/>
      <c r="T56" s="577"/>
      <c r="U56" s="575"/>
      <c r="V56" s="576"/>
      <c r="W56" s="576"/>
      <c r="X56" s="576"/>
      <c r="Y56" s="576"/>
      <c r="Z56" s="576"/>
      <c r="AA56" s="576"/>
      <c r="AB56" s="576"/>
      <c r="AC56" s="576"/>
      <c r="AD56" s="576"/>
      <c r="AE56" s="576"/>
      <c r="AF56" s="576"/>
      <c r="AG56" s="576"/>
      <c r="AH56" s="576"/>
      <c r="AI56" s="576"/>
      <c r="AJ56" s="576"/>
      <c r="AK56" s="576"/>
      <c r="AL56" s="577"/>
      <c r="AN56" s="3"/>
    </row>
    <row r="57" spans="2:40" x14ac:dyDescent="0.15">
      <c r="B57" s="566"/>
      <c r="C57" s="578"/>
      <c r="D57" s="570"/>
      <c r="E57" s="570"/>
      <c r="F57" s="570"/>
      <c r="G57" s="570"/>
      <c r="H57" s="570"/>
      <c r="I57" s="570"/>
      <c r="J57" s="570"/>
      <c r="K57" s="570"/>
      <c r="L57" s="570"/>
      <c r="M57" s="570"/>
      <c r="N57" s="570"/>
      <c r="O57" s="570"/>
      <c r="P57" s="570"/>
      <c r="Q57" s="570"/>
      <c r="R57" s="570"/>
      <c r="S57" s="570"/>
      <c r="T57" s="571"/>
      <c r="U57" s="578"/>
      <c r="V57" s="570"/>
      <c r="W57" s="570"/>
      <c r="X57" s="570"/>
      <c r="Y57" s="570"/>
      <c r="Z57" s="570"/>
      <c r="AA57" s="570"/>
      <c r="AB57" s="570"/>
      <c r="AC57" s="570"/>
      <c r="AD57" s="570"/>
      <c r="AE57" s="570"/>
      <c r="AF57" s="570"/>
      <c r="AG57" s="570"/>
      <c r="AH57" s="570"/>
      <c r="AI57" s="570"/>
      <c r="AJ57" s="570"/>
      <c r="AK57" s="570"/>
      <c r="AL57" s="571"/>
      <c r="AN57" s="3"/>
    </row>
    <row r="58" spans="2:40" ht="14.25" customHeight="1" x14ac:dyDescent="0.15">
      <c r="B58" s="557" t="s">
        <v>23</v>
      </c>
      <c r="C58" s="558"/>
      <c r="D58" s="558"/>
      <c r="E58" s="558"/>
      <c r="F58" s="559"/>
      <c r="G58" s="560" t="s">
        <v>24</v>
      </c>
      <c r="H58" s="560"/>
      <c r="I58" s="560"/>
      <c r="J58" s="560"/>
      <c r="K58" s="560"/>
      <c r="L58" s="560"/>
      <c r="M58" s="560"/>
      <c r="N58" s="560"/>
      <c r="O58" s="560"/>
      <c r="P58" s="560"/>
      <c r="Q58" s="560"/>
      <c r="R58" s="560"/>
      <c r="S58" s="560"/>
      <c r="T58" s="560"/>
      <c r="U58" s="560"/>
      <c r="V58" s="560"/>
      <c r="W58" s="560"/>
      <c r="X58" s="560"/>
      <c r="Y58" s="560"/>
      <c r="Z58" s="560"/>
      <c r="AA58" s="560"/>
      <c r="AB58" s="560"/>
      <c r="AC58" s="560"/>
      <c r="AD58" s="560"/>
      <c r="AE58" s="560"/>
      <c r="AF58" s="560"/>
      <c r="AG58" s="560"/>
      <c r="AH58" s="560"/>
      <c r="AI58" s="560"/>
      <c r="AJ58" s="560"/>
      <c r="AK58" s="560"/>
      <c r="AL58" s="560"/>
      <c r="AN58" s="3"/>
    </row>
    <row r="60" spans="2:40" x14ac:dyDescent="0.15">
      <c r="B60" s="14" t="s">
        <v>55</v>
      </c>
    </row>
    <row r="61" spans="2:40" x14ac:dyDescent="0.15">
      <c r="B61" s="14" t="s">
        <v>107</v>
      </c>
    </row>
    <row r="62" spans="2:40" x14ac:dyDescent="0.15">
      <c r="B62" s="14" t="s">
        <v>108</v>
      </c>
    </row>
    <row r="63" spans="2:40" x14ac:dyDescent="0.15">
      <c r="B63" s="14" t="s">
        <v>111</v>
      </c>
    </row>
    <row r="64" spans="2:40" x14ac:dyDescent="0.15">
      <c r="B64" s="14" t="s">
        <v>62</v>
      </c>
    </row>
    <row r="65" spans="2:41" x14ac:dyDescent="0.15">
      <c r="B65" s="14" t="s">
        <v>95</v>
      </c>
    </row>
    <row r="66" spans="2:41" x14ac:dyDescent="0.15">
      <c r="B66" s="14" t="s">
        <v>63</v>
      </c>
      <c r="AN66" s="3"/>
      <c r="AO66" s="14"/>
    </row>
    <row r="67" spans="2:41" x14ac:dyDescent="0.15">
      <c r="B67" s="14" t="s">
        <v>57</v>
      </c>
    </row>
    <row r="68" spans="2:41" x14ac:dyDescent="0.15">
      <c r="B68" s="14" t="s">
        <v>65</v>
      </c>
    </row>
    <row r="69" spans="2:41" x14ac:dyDescent="0.15">
      <c r="B69" s="14" t="s">
        <v>109</v>
      </c>
    </row>
    <row r="70" spans="2:41" x14ac:dyDescent="0.15">
      <c r="B70" s="14" t="s">
        <v>106</v>
      </c>
    </row>
    <row r="84" spans="2:2" ht="12.75" customHeight="1" x14ac:dyDescent="0.15">
      <c r="B84" s="46"/>
    </row>
    <row r="85" spans="2:2" ht="12.75" customHeight="1" x14ac:dyDescent="0.15">
      <c r="B85" s="46" t="s">
        <v>38</v>
      </c>
    </row>
    <row r="86" spans="2:2" ht="12.75" customHeight="1" x14ac:dyDescent="0.15">
      <c r="B86" s="46" t="s">
        <v>25</v>
      </c>
    </row>
    <row r="87" spans="2:2" ht="12.75" customHeight="1" x14ac:dyDescent="0.15">
      <c r="B87" s="46" t="s">
        <v>29</v>
      </c>
    </row>
    <row r="88" spans="2:2" ht="12.75" customHeight="1" x14ac:dyDescent="0.15">
      <c r="B88" s="46" t="s">
        <v>39</v>
      </c>
    </row>
    <row r="89" spans="2:2" ht="12.75" customHeight="1" x14ac:dyDescent="0.15">
      <c r="B89" s="46" t="s">
        <v>30</v>
      </c>
    </row>
    <row r="90" spans="2:2" ht="12.75" customHeight="1" x14ac:dyDescent="0.15">
      <c r="B90" s="46" t="s">
        <v>40</v>
      </c>
    </row>
    <row r="91" spans="2:2" ht="12.75" customHeight="1" x14ac:dyDescent="0.15">
      <c r="B91" s="46" t="s">
        <v>41</v>
      </c>
    </row>
    <row r="92" spans="2:2" ht="12.75" customHeight="1" x14ac:dyDescent="0.15">
      <c r="B92" s="46" t="s">
        <v>42</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 ref="L18:P18"/>
    <mergeCell ref="Z18:AD18"/>
    <mergeCell ref="C17:K17"/>
    <mergeCell ref="U17:Y17"/>
    <mergeCell ref="AE17:AK17"/>
    <mergeCell ref="C19:K21"/>
    <mergeCell ref="L19:AL19"/>
    <mergeCell ref="L20:AL20"/>
    <mergeCell ref="L21:AL21"/>
    <mergeCell ref="B22:B33"/>
    <mergeCell ref="C22:K24"/>
    <mergeCell ref="L22:AL22"/>
    <mergeCell ref="L23:AL23"/>
    <mergeCell ref="L24:AL24"/>
    <mergeCell ref="C25:K25"/>
    <mergeCell ref="L25:P25"/>
    <mergeCell ref="Z25:AD25"/>
    <mergeCell ref="AJ25:AL25"/>
    <mergeCell ref="C26:K28"/>
    <mergeCell ref="L26:AL26"/>
    <mergeCell ref="L27:AL27"/>
    <mergeCell ref="L28:AL28"/>
    <mergeCell ref="C29:K29"/>
    <mergeCell ref="L29:P29"/>
    <mergeCell ref="Z29:AD29"/>
    <mergeCell ref="AJ29:AL29"/>
    <mergeCell ref="C30:K30"/>
    <mergeCell ref="L30:AL30"/>
    <mergeCell ref="C31:K33"/>
    <mergeCell ref="L31:AL31"/>
    <mergeCell ref="L32:AL32"/>
    <mergeCell ref="L33:AL33"/>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E47:L47"/>
    <mergeCell ref="B48:K48"/>
    <mergeCell ref="B49:K49"/>
    <mergeCell ref="B50:K50"/>
    <mergeCell ref="B34:B47"/>
    <mergeCell ref="C34:L35"/>
    <mergeCell ref="C42:C47"/>
    <mergeCell ref="E42:L42"/>
    <mergeCell ref="E43:L43"/>
    <mergeCell ref="E44:L44"/>
    <mergeCell ref="E45:L45"/>
    <mergeCell ref="E46:L46"/>
    <mergeCell ref="B58:F58"/>
    <mergeCell ref="G58:AL58"/>
    <mergeCell ref="B51:K51"/>
    <mergeCell ref="B52:N52"/>
    <mergeCell ref="B53:B57"/>
    <mergeCell ref="C53:T53"/>
    <mergeCell ref="U53:AL53"/>
    <mergeCell ref="C54:T57"/>
    <mergeCell ref="U54:AL57"/>
  </mergeCells>
  <phoneticPr fontId="2"/>
  <pageMargins left="0.39370078740157483" right="0" top="0.59055118110236227" bottom="0" header="0.51181102362204722" footer="0.51181102362204722"/>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10</vt:i4>
      </vt:variant>
    </vt:vector>
  </HeadingPairs>
  <TitlesOfParts>
    <vt:vector size="19" baseType="lpstr">
      <vt:lpstr>★別紙1</vt:lpstr>
      <vt:lpstr>別紙3－2</vt:lpstr>
      <vt:lpstr>別紙10</vt:lpstr>
      <vt:lpstr>別紙10ー２</vt:lpstr>
      <vt:lpstr>別紙10－３</vt:lpstr>
      <vt:lpstr>別紙10－４</vt:lpstr>
      <vt:lpstr>参考様式10</vt:lpstr>
      <vt:lpstr>別紙10－５</vt:lpstr>
      <vt:lpstr>別紙●24</vt:lpstr>
      <vt:lpstr>★別紙1!Print_Area</vt:lpstr>
      <vt:lpstr>参考様式10!Print_Area</vt:lpstr>
      <vt:lpstr>別紙●24!Print_Area</vt:lpstr>
      <vt:lpstr>別紙10!Print_Area</vt:lpstr>
      <vt:lpstr>別紙10ー２!Print_Area</vt:lpstr>
      <vt:lpstr>'別紙10－３'!Print_Area</vt:lpstr>
      <vt:lpstr>'別紙10－４'!Print_Area</vt:lpstr>
      <vt:lpstr>'別紙10－５'!Print_Area</vt:lpstr>
      <vt:lpstr>'別紙3－2'!Print_Area</vt:lpstr>
      <vt:lpstr>★別紙1!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京田辺市役所</cp:lastModifiedBy>
  <cp:lastPrinted>2022-03-24T07:34:57Z</cp:lastPrinted>
  <dcterms:modified xsi:type="dcterms:W3CDTF">2024-01-16T04:22:07Z</dcterms:modified>
</cp:coreProperties>
</file>